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4" rupBuild="24326"/>
  <workbookPr defaultThemeVersion="124226"/>
  <mc:AlternateContent xmlns:mc="http://schemas.openxmlformats.org/markup-compatibility/2006">
    <mc:Choice Requires="x15">
      <x15ac:absPath xmlns:x15ac="http://schemas.microsoft.com/office/spreadsheetml/2010/11/ac" url="C:\Users\s151329\AppData\Local\Microsoft\Windows\INetCache\Content.Outlook\TPOTZE5K\"/>
    </mc:Choice>
  </mc:AlternateContent>
  <xr:revisionPtr revIDLastSave="0" documentId="13_ncr:1_{6DEF9C9B-4BD0-4546-A932-1C6285728D17}" xr6:coauthVersionLast="47" xr6:coauthVersionMax="47" xr10:uidLastSave="{00000000-0000-0000-0000-000000000000}"/>
  <bookViews>
    <workbookView xWindow="28680" yWindow="2880" windowWidth="29040" windowHeight="17640" tabRatio="656" activeTab="1" xr2:uid="{00000000-000D-0000-FFFF-FFFF00000000}"/>
  </bookViews>
  <sheets>
    <sheet name="Work Code Utilization" sheetId="8" r:id="rId1"/>
    <sheet name="Construction" sheetId="3" r:id="rId2"/>
    <sheet name="Construction Supplier" sheetId="2" r:id="rId3"/>
    <sheet name="Professional Services" sheetId="4" r:id="rId4"/>
    <sheet name="Truckers&amp;Transportation" sheetId="6" r:id="rId5"/>
    <sheet name="All Industries" sheetId="5" r:id="rId6"/>
  </sheets>
  <definedNames>
    <definedName name="_xlnm._FilterDatabase" localSheetId="5" hidden="1">'All Industries'!$A$1:$E$120</definedName>
    <definedName name="_xlnm._FilterDatabase" localSheetId="1" hidden="1">Construction!$A$2:$E$277</definedName>
    <definedName name="_xlnm.Print_Titles" localSheetId="5">'All Industries'!$1:$1</definedName>
    <definedName name="_xlnm.Print_Titles" localSheetId="1">Construction!$2:$2</definedName>
    <definedName name="_xlnm.Print_Titles" localSheetId="2">'Construction Supplier'!$2:$2</definedName>
    <definedName name="_xlnm.Print_Titles" localSheetId="3">'Professional Services'!$2:$2</definedName>
    <definedName name="_xlnm.Print_Titles" localSheetId="4">'Truckers&amp;Transportation'!$2:$2</definedName>
  </definedNames>
  <calcPr calcId="191029"/>
  <extLs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22913" uniqueCount="3748">
  <si>
    <t>Work Code</t>
  </si>
  <si>
    <t>Category</t>
  </si>
  <si>
    <t>Description</t>
  </si>
  <si>
    <t>License Requirement</t>
  </si>
  <si>
    <t>NAICS Code(s)</t>
  </si>
  <si>
    <t xml:space="preserve">LANDSCAPING MATERIALS SUPPLIER </t>
  </si>
  <si>
    <t>PETROLEUM, OIL, LUBRICANTS SUPPLIER  (BULK ITEM)</t>
  </si>
  <si>
    <t>SAND &amp; GRAVEL SUPPLIER (BULK ITEM)</t>
  </si>
  <si>
    <t>ASPHALT SUPPLIER(BULK ITEM)</t>
  </si>
  <si>
    <t>PILINGS SUPPLIER</t>
  </si>
  <si>
    <t>CONCRETE &amp; CEMENT SUPPLIER(BULK ITEM)</t>
  </si>
  <si>
    <t>REINFORCING BAR SECTION SUPPLIER</t>
  </si>
  <si>
    <t>STEEL SUPPLIER</t>
  </si>
  <si>
    <t>DOORS &amp; FRAMES SUPPLIER</t>
  </si>
  <si>
    <t>This industry comprises establishments (except those known as home centers, paint and wallpaper stores, and hardware stores) primarily engaged in retailing specialized lines of new building materials, such as lumber, fencing, glass, doors, plumbing fixtures and supplies, electrical supplies, prefabricated buildings and kits, and kitchen and bath cabinets and countertops to be installed.</t>
  </si>
  <si>
    <t>LUMBER SUPPLIER</t>
  </si>
  <si>
    <t xml:space="preserve">This industry comprises establishments (except those known as home centers, paint and wallpaper stores, and hardware stores) primarily engaged in retailing specialized lines of new building materials, such as lumber, , glass, doors, plumbing fixtures and supplies, electrical supplies, prefabricated buildings and kits, and kitchen and bath cabinets and countertops to be installed. </t>
  </si>
  <si>
    <t>PAPER SUPPLIER</t>
  </si>
  <si>
    <t>PAINT SUPPLIER</t>
  </si>
  <si>
    <t>C0612</t>
  </si>
  <si>
    <t>SAFETY EQUIPMENT SUPPLIER</t>
  </si>
  <si>
    <t>Supplies vests, hard hats, goggles, masks, signs and cones.</t>
  </si>
  <si>
    <t>NO LICENSE REQUIRED</t>
  </si>
  <si>
    <t>C0620</t>
  </si>
  <si>
    <t>LANDSCAPING &amp; NURSERY SUPPLIER</t>
  </si>
  <si>
    <t>C0621</t>
  </si>
  <si>
    <t>423990 - Other Miscellaneous Durable Goods Merchant Wholesalers</t>
  </si>
  <si>
    <t>C0624</t>
  </si>
  <si>
    <t>C0625</t>
  </si>
  <si>
    <t>C0639</t>
  </si>
  <si>
    <t>C0649</t>
  </si>
  <si>
    <t>C0651</t>
  </si>
  <si>
    <t>C0652</t>
  </si>
  <si>
    <t>C0655</t>
  </si>
  <si>
    <t>C0656</t>
  </si>
  <si>
    <t>C0657</t>
  </si>
  <si>
    <t>C0658</t>
  </si>
  <si>
    <t>C0659</t>
  </si>
  <si>
    <t>C0670</t>
  </si>
  <si>
    <t>PIPE SUPPLIER</t>
  </si>
  <si>
    <t>C0671</t>
  </si>
  <si>
    <t>DRAINAGE SYSTEMS SUPPLIER</t>
  </si>
  <si>
    <t>C0672</t>
  </si>
  <si>
    <t>C0680</t>
  </si>
  <si>
    <t>FENCING SUPPLIER</t>
  </si>
  <si>
    <t xml:space="preserve">This industry comprises establishments (except those known as home centers, paint and wallpaper stores, and hardware stores) primarily engaged in retailing specialized lines of new building materials, such as lumber, fencing, glass, doors, plumbing fixtures and supplies, electrical supplies, prefabricated buildings and kits, and kitchen and bath cabinets and countertops to be installed. </t>
  </si>
  <si>
    <t>C0683</t>
  </si>
  <si>
    <t xml:space="preserve">GUARD RAILING &amp; BARRIERS SUPPLIER </t>
  </si>
  <si>
    <t>C0685</t>
  </si>
  <si>
    <t>PAVEMENT MARKERS SUPPLIER</t>
  </si>
  <si>
    <t>C0686</t>
  </si>
  <si>
    <t>C0687</t>
  </si>
  <si>
    <t>GLASS &amp; GLASS BLOCK SUPPLIER</t>
  </si>
  <si>
    <t>C0698</t>
  </si>
  <si>
    <t xml:space="preserve">BUILDING MATERIAL SUPPLIER </t>
  </si>
  <si>
    <t>C0699</t>
  </si>
  <si>
    <t>TOOLS SUPPLIER</t>
  </si>
  <si>
    <t> NO LICENSE REQUIRED</t>
  </si>
  <si>
    <t>C0700</t>
  </si>
  <si>
    <t>TRAFFIC CONTROL SYSTEM</t>
  </si>
  <si>
    <t>C1200</t>
  </si>
  <si>
    <t>CONSTRUCTION AREA SIGNS</t>
  </si>
  <si>
    <t>Prepares or removes lane closures, flagging, or traffic diversions, utilizing portable devices, such as cones, delineators, barricades, sign stands, flashing beacons, flashing arrow trailers, and changeable message signs, on roadways, including, but not limited to, public streets, highways, or any public conveyance.</t>
  </si>
  <si>
    <t>C1201</t>
  </si>
  <si>
    <t>The person putting the orange cones or large barrels out at a construction site. Places the big orange construction zone signs on side of the road.</t>
  </si>
  <si>
    <t>C1000</t>
  </si>
  <si>
    <t xml:space="preserve">WHOLESALE BROKER OF CONSTRUCTION MATERIALS (No Inventory) </t>
  </si>
  <si>
    <t>C1210</t>
  </si>
  <si>
    <t>TRAFFIC COUNT</t>
  </si>
  <si>
    <t>A person counting traffic in a specific area for statistical data.</t>
  </si>
  <si>
    <t>C1522</t>
  </si>
  <si>
    <t>RESET, ADJUST ROADWAY ITEMS</t>
  </si>
  <si>
    <t>Moving or adjusting manholes or guard rails. Any adjustments made to existing highway facilities.</t>
  </si>
  <si>
    <t>C1531</t>
  </si>
  <si>
    <t>PLANE ASPHALT CONCRETE</t>
  </si>
  <si>
    <t>Cold planing is the controlled milling of pavement to restore the surface to a specified profile. Bumps, ruts and other surface irregularities are removed.</t>
  </si>
  <si>
    <t>C1575</t>
  </si>
  <si>
    <t>REMOVE BRIDGE ITEM</t>
  </si>
  <si>
    <t>Consists of removing existing bridges, or portions thereof.</t>
  </si>
  <si>
    <t>C1580</t>
  </si>
  <si>
    <t>MODIFY BRIDGE ITEM</t>
  </si>
  <si>
    <t>To make changes or alterations to existing bridge.</t>
  </si>
  <si>
    <t>C1601</t>
  </si>
  <si>
    <t>CLEARING &amp; GRUBBING</t>
  </si>
  <si>
    <t>Removing material from within the highway right of way, bridge construction areas, road approaches, material sites, areas through which ditches and channels are to be excavated. Shall be performed in advance of grading operations</t>
  </si>
  <si>
    <t>C1701</t>
  </si>
  <si>
    <t>DEVELOP WATER SUPPLY</t>
  </si>
  <si>
    <t>Installs and repairs water wells and pumps by boring, drilling, excavating, casing, cementing and cleaning to provide a supply of uncontaminated water. Includes the following: irrigation, drainage, water power, water supply, flood control.</t>
  </si>
  <si>
    <t>DUST PALLIATIVE</t>
  </si>
  <si>
    <t>C1801</t>
  </si>
  <si>
    <t>Type of asphalt emulsion sprayed onto gravel roads to control dust and stop erosion.</t>
  </si>
  <si>
    <t>C1901</t>
  </si>
  <si>
    <t>ROADWAY EXCAVATION</t>
  </si>
  <si>
    <t>Consist of all excavation involved in the grading and construction of the roadway.</t>
  </si>
  <si>
    <t>C1910</t>
  </si>
  <si>
    <t>GRADING</t>
  </si>
  <si>
    <t>Modification of the ground surface by cuts, fills or both.</t>
  </si>
  <si>
    <t>C1920</t>
  </si>
  <si>
    <t>STRUCTURE EXCAVATION</t>
  </si>
  <si>
    <t>Excavation for the construction of foundations for structures; excavation of trenches for the construction of culverts, pipes, rods, cutoff walls and other facilities.</t>
  </si>
  <si>
    <t>C1925</t>
  </si>
  <si>
    <t>SHAPED BEDDING</t>
  </si>
  <si>
    <t>The trench may be excavated below the bottom of the culvert and the shaped bedding constructed by backfilling and compacting culvert backfill material to the grade and shape.</t>
  </si>
  <si>
    <t>C1930</t>
  </si>
  <si>
    <t>STRUCTURE BACKFILL</t>
  </si>
  <si>
    <t>Use of material in refilling an excavated area.</t>
  </si>
  <si>
    <t>C1940</t>
  </si>
  <si>
    <t>DITCHES EXCAVATION</t>
  </si>
  <si>
    <t>Generally a long narrow excavation for drainage, irrigation or burying underground pipe lines.</t>
  </si>
  <si>
    <t>C1970</t>
  </si>
  <si>
    <t>EMBANKMENT CONSTRUCTION</t>
  </si>
  <si>
    <t>Constructing roadway embankments, including the preparation of the areas upon which embankment materials are to be placed; the construction of dikes within or outside the right of way.</t>
  </si>
  <si>
    <t>C1980</t>
  </si>
  <si>
    <t>IMPORTED BORROW</t>
  </si>
  <si>
    <t>Lightweight aggregate used in the construction of embankments or for use as selected material  for other highway construction</t>
  </si>
  <si>
    <t>C2000</t>
  </si>
  <si>
    <t>HIGHWAY PLANTING</t>
  </si>
  <si>
    <t>Drainage design &amp; control, erosion control, underground piping installation, soil amendment, irrigation system &amp; mulch selection.</t>
  </si>
  <si>
    <t>561730 – Landscaping Services</t>
  </si>
  <si>
    <t>C2020</t>
  </si>
  <si>
    <t>SOIL AMENDMENTS</t>
  </si>
  <si>
    <t>Shall be a wood or bark product, treated to absorb water quickly, or a relatively dry organic compost derived from sewage sludge, plant material or rice hulls.</t>
  </si>
  <si>
    <t>C2021</t>
  </si>
  <si>
    <t>HYDROSEEDING</t>
  </si>
  <si>
    <t>Applies seeds through any liquid media to any type of surface that has been prepared or contoured by others.</t>
  </si>
  <si>
    <t>C2030</t>
  </si>
  <si>
    <t>EROSION CONTROL</t>
  </si>
  <si>
    <t>C2065</t>
  </si>
  <si>
    <t>IRRIGATION SYSTEM</t>
  </si>
  <si>
    <t>Used for dust suppression, disposal of sewage, and in mining. Often done together with drainage, which is the natural or artificial removal of surface and sub-surface water from a given area.</t>
  </si>
  <si>
    <t>Used in natural areas, agricultural settings or urban environments. Often implemented in conjunction with sediment controls such as sediment basins and silt fences.</t>
  </si>
  <si>
    <t>This industry comprises establishments known as paint and wallpaper stores primarily engaged in retailing paint, wallpaper, and related supplies.</t>
  </si>
  <si>
    <t xml:space="preserve">TEMPORARY EROSION CONTROL </t>
  </si>
  <si>
    <t xml:space="preserve">Firms that provide firber rolls, gravel berms, check dams, Drainage inlet protection, Slope control blankets, concerete washout systems, temp construction enterances, staw bale barriers, during the construction phase (not the final product) </t>
  </si>
  <si>
    <t>C2066</t>
  </si>
  <si>
    <t>C2201</t>
  </si>
  <si>
    <t>FINISHING ROADWAY</t>
  </si>
  <si>
    <t>Upon completion of all construction operations, the entire roadway shall be finished as specified. The roadbed shoulders shall be trimmed and shaped. The finished pavement shall be cleaned of all dirt and foreign material. Materials and debris resulting from clearing and grubbing operations not previously removed shall be disposed of.</t>
  </si>
  <si>
    <t>LIME TREATMENT</t>
  </si>
  <si>
    <t>C2401</t>
  </si>
  <si>
    <t>Consists of mixing lime and water with soil and compacting the mixture to the lines, grades and dimensions shown on the plans.</t>
  </si>
  <si>
    <t>AGGREGATE SUBBASE</t>
  </si>
  <si>
    <t>C2501</t>
  </si>
  <si>
    <t>Normally the lowest layer in the structural section.</t>
  </si>
  <si>
    <t>C2602</t>
  </si>
  <si>
    <t>Used in roadways, as a base course for cement pads and foundations, and as backfill material for underground pipelines and other utilities.</t>
  </si>
  <si>
    <t>C2700</t>
  </si>
  <si>
    <t>CEMENT TREATED BASE</t>
  </si>
  <si>
    <t>Mixture of aggregate material and/or granular soils combined with portland cement and water that hardens after compaction and curing to form a durable paving material. Used as a pavement base for highways, roads, streets, parking areas, airports, and materials handling and storage areas.</t>
  </si>
  <si>
    <t>C2800</t>
  </si>
  <si>
    <t>CONCRETE BASE</t>
  </si>
  <si>
    <t>Mixture of aggregate, portland cement, water and, at the option of the Contractor, chemical admixtures (for reducing water).</t>
  </si>
  <si>
    <t>C3600</t>
  </si>
  <si>
    <t>PENETRATION TREATMENT &amp; PRIME COAT</t>
  </si>
  <si>
    <t>Initial application of liquid to absorbent surface prepatory to construction; possibly the first coat in a series of applications.</t>
  </si>
  <si>
    <t>C3701</t>
  </si>
  <si>
    <t>SEAL COAT</t>
  </si>
  <si>
    <t>Application of asphaltic emulsion and screenings or an application of a mixture of asphaltic emulsion and added water.</t>
  </si>
  <si>
    <t>ASPHALT CONCRETE</t>
  </si>
  <si>
    <t>C3901</t>
  </si>
  <si>
    <t>Furnishing and mixing aggregate and asphalt binder at a central mixing plant, spreading and compacting the mixture and furnishing and placing pavement reinforcing fabric.</t>
  </si>
  <si>
    <t>C3910</t>
  </si>
  <si>
    <t>PAVING ASPHALT (ASPHALT CONCRETE)</t>
  </si>
  <si>
    <t>High quality, hot mixture of asphalt cement &amp; well graded aggregate.</t>
  </si>
  <si>
    <t>C3930</t>
  </si>
  <si>
    <t>PAVEMENT REINFORCING FABRIC</t>
  </si>
  <si>
    <t>Shall be placed on existing pavement to be surfaced or between layers of asphalt concrete when the work is shown on the plans or specified in the special provisions, or ordered by the Engineer.</t>
  </si>
  <si>
    <t>C3940</t>
  </si>
  <si>
    <t>PLACE ASPHALT CONCRETE DIKE &amp; MISC</t>
  </si>
  <si>
    <t>Embankment used on roadways for controlling or holding back water and erosion control.</t>
  </si>
  <si>
    <t>C3990</t>
  </si>
  <si>
    <t>Common method of utilizing the left over rubble when structures made of concrete are demolished or renovated. Smaller pieces of concrete are used as gravel for new construction projects.</t>
  </si>
  <si>
    <t>C4010</t>
  </si>
  <si>
    <t>PORTLAND CEMENT &amp; CONCRETE PAVEMENT</t>
  </si>
  <si>
    <t>Consists of constructing a pavement of portland cement concrete on a prepared subgrade.</t>
  </si>
  <si>
    <t>C4040</t>
  </si>
  <si>
    <t>CLEAN &amp; SEAL PAVEMENT JOINTS – ROUT &amp; SEAL CRACKS</t>
  </si>
  <si>
    <t>Aids in waterproofing the pavement. Joints are sandblasted and then filled with heated sealant and may include sawing to provide a proper surface.</t>
  </si>
  <si>
    <t>PAVEMENT SUBSEALING &amp; JACKING</t>
  </si>
  <si>
    <t>C4101</t>
  </si>
  <si>
    <t>Filling voids beneath existing portland cement concrete pavement, by drilling holes through the existing pavement, injecting grout through the holes and filling the drilled holes with mortar or concrete.</t>
  </si>
  <si>
    <t>C4201</t>
  </si>
  <si>
    <t>GROOVE &amp; GRIND PAVEMENT</t>
  </si>
  <si>
    <t>Grooving/grinding the surface of asphalt concrete or portland cement concrete pavement and bridge decks.</t>
  </si>
  <si>
    <t>C4901</t>
  </si>
  <si>
    <t>FURNISH &amp; DRIVE PILING</t>
  </si>
  <si>
    <t>Provides a pile driving and/or caisson drilling or auger service. Including the injection of concrete or mortar into foundations for stabilization purposes.</t>
  </si>
  <si>
    <t>C4906</t>
  </si>
  <si>
    <t>CAST-IN-DRILLED-HOLE CONCRETE PILING</t>
  </si>
  <si>
    <t>C5000</t>
  </si>
  <si>
    <t>PRESTRESSING CONCRETE CAST-IN-PLACE</t>
  </si>
  <si>
    <t>Applying forces to a structure to deform it so that it will withstand its working loads more effectively.</t>
  </si>
  <si>
    <t>C5100</t>
  </si>
  <si>
    <t xml:space="preserve">CONCRETE STRUCTURE                                     </t>
  </si>
  <si>
    <t>Forms, pours, places, finishes and installs specified mass, pavement, flat and other concrete work; and places and sets screeds for pavements or flatwork.</t>
  </si>
  <si>
    <t>C5105</t>
  </si>
  <si>
    <t>MINOR CONCRETE STRUCTURE</t>
  </si>
  <si>
    <t>Plywood formations with concrete poured in to them.</t>
  </si>
  <si>
    <t>C5110</t>
  </si>
  <si>
    <t>CONCRETE SURFACE FINISH</t>
  </si>
  <si>
    <t>Operation of creating a concrete surface of a desired texture, smoothness &amp; durability. Finish can be strictly functional or decorative.</t>
  </si>
  <si>
    <t>C5111</t>
  </si>
  <si>
    <t>CONCRETE OVERLAY – DRILL &amp; BOND</t>
  </si>
  <si>
    <t>C5120</t>
  </si>
  <si>
    <t>FURNISH PRECAST CONCRETE DECK UNIT</t>
  </si>
  <si>
    <t>This industry comprises establishments primarily engaged in: (1) erecting and assembling structural parts made from steel or precast concrete (e.g., steel beams, structural steel components, and similar products of precast concrete); and/or (2) assembling and installing other steel construction products (e.g., steel rods, bars, rebar, mesh, and cages) to reinforce poured-in-place concrete. The work performed may include new work, additions, alterations, maintenance, and repairs.</t>
  </si>
  <si>
    <t>C5124</t>
  </si>
  <si>
    <t>ERECT PRECAST CONCRETE</t>
  </si>
  <si>
    <t>C5135</t>
  </si>
  <si>
    <t>Fabrication and installation of masonry component units for structural load bearing and non-load bearing walls for structures and fences installed with or without mortar.</t>
  </si>
  <si>
    <t>C5136</t>
  </si>
  <si>
    <t>REINFORCED CONCRETE CRIB WALL</t>
  </si>
  <si>
    <t>Cells built up log cabin style from precast concrete  filled with soil.</t>
  </si>
  <si>
    <t>C5150</t>
  </si>
  <si>
    <t>CORE CONCRETE – REPAIR BRIDGE DECK</t>
  </si>
  <si>
    <t>C5180</t>
  </si>
  <si>
    <t>SOUND WALL (MASONRY BLOCK-CONCRETE)</t>
  </si>
  <si>
    <t>Installs concrete units and baked clay products; concrete, glass and clay block; natural and manufactured stone; terra cotta; and fire brick or other material for refractory work. Includes the fabrication and installation of masonry component units for structural load bearing and non-load bearing walls for structures and fences installed with or without mortar.</t>
  </si>
  <si>
    <t>Placing/Installing premade concrete slabs or walls, possibly with use of a crane (which requires a certified operator). A concrete related services contractor installs reusable steel concrete form sections or interlocking precast pavers.</t>
  </si>
  <si>
    <t>C5190</t>
  </si>
  <si>
    <t>JOINT SEAL – WATER STOP</t>
  </si>
  <si>
    <t>PVC piping systems for irrigation and drainage; subsurface irrigation drip systems. Bathtub and enamel refinishing, resin and epoxy application, and synthetic caulking and sealants.</t>
  </si>
  <si>
    <t>C5201</t>
  </si>
  <si>
    <t>REINFORCING STEEL</t>
  </si>
  <si>
    <t>Fabricates, places and ties steel mesh or steel reinforcing bars (rods), of any profile, perimeter, or cross-section, that are or may be used to reinforce concrete structures.</t>
  </si>
  <si>
    <t>AIR-BLOWN MORTAR</t>
  </si>
  <si>
    <t>C5301</t>
  </si>
  <si>
    <t>Lining ditches and channels, paving slopes, and other similar features with shotcrete.  Shotcrete consists of concrete or mortar pneumatically applied onto a surface.</t>
  </si>
  <si>
    <t>C5310</t>
  </si>
  <si>
    <t>PIPE LINING (CEMENT MORTAR)</t>
  </si>
  <si>
    <t>WATERPROOFING</t>
  </si>
  <si>
    <t>C5401</t>
  </si>
  <si>
    <t>Furnishing and applying asphalt membrane waterproofing to the surface of the concrete as shown on the plans.</t>
  </si>
  <si>
    <t>C5501</t>
  </si>
  <si>
    <t>STEEL STRUCTURES</t>
  </si>
  <si>
    <t>Fabricates and erects structural steel shapes and plates, of any profile, perimeter or cross-section, that are or may be used as structural members for buildings and structures, including the riveting, welding, rigging and metal roofing systems necessary to perform this work.</t>
  </si>
  <si>
    <t>C5570</t>
  </si>
  <si>
    <t>STEEL CRIB WALL</t>
  </si>
  <si>
    <t>C5601</t>
  </si>
  <si>
    <t>SIGN STRUCTURE</t>
  </si>
  <si>
    <t>Overhead sign structures including; truss, box beam‑closed truss, tubular, lightweight and bridge mounted.</t>
  </si>
  <si>
    <t>C5620</t>
  </si>
  <si>
    <t>ROADSIDE SIGN</t>
  </si>
  <si>
    <t>Fabricates &amp; installs all types of non electrical signs; including post or pole supported signs or attached to structures.</t>
  </si>
  <si>
    <t>C5701</t>
  </si>
  <si>
    <t>LUMBER &amp; TIMBER</t>
  </si>
  <si>
    <t xml:space="preserve">This industry comprises establishments primarily engaged in performing particular support activities related to timber production, wood technology, forestry economics and marketing, and forest protection. These establishments may provide support activities for forestry, such as estimating timber, forest firefighting, forest pest control, and consulting on wood attributes and reforestation. </t>
  </si>
  <si>
    <t>C5900</t>
  </si>
  <si>
    <t>CLEAN &amp; PAINT STEEL</t>
  </si>
  <si>
    <t>C6101</t>
  </si>
  <si>
    <t>RAILROAD WORK</t>
  </si>
  <si>
    <t xml:space="preserve">This industry comprises establishments primarily engaged in providing specialized services for railroad transportation including servicing, routine repairing (except factory conversion, overhaul or rebuilding of rolling stock), and maintaining rail cars; loading and unloading rail cars; and operating independent terminals. </t>
  </si>
  <si>
    <t>C6120</t>
  </si>
  <si>
    <t>RAIL VEHICLE/RAILROAD QUALITY ASSURANCE INSPECTION</t>
  </si>
  <si>
    <t>C6121</t>
  </si>
  <si>
    <t>RAILROAD TRACK INSPECTION</t>
  </si>
  <si>
    <t>ALTERNATIVE PIPE CULVERT</t>
  </si>
  <si>
    <t>C6200</t>
  </si>
  <si>
    <t>Consists of furnishing and installing or constructing alternative culverts as shown on the plans or as directed by the Engineer.</t>
  </si>
  <si>
    <t>CAST-IN-PLACE CONCRETE PIPE</t>
  </si>
  <si>
    <t>C6301</t>
  </si>
  <si>
    <t>Consists of portland cement concrete placed as one piece in a prepared trench at the locations shown on the plans.</t>
  </si>
  <si>
    <t>ASBESTOS-CEMENT PIPE</t>
  </si>
  <si>
    <t>A concrete pipe made of a mixture of portland cement and asbestos fiber and highly resistant to corrosion; used in drainage systems, waterworks systems, and gas lines.</t>
  </si>
  <si>
    <t>C6401</t>
  </si>
  <si>
    <t>C6500</t>
  </si>
  <si>
    <t>REINFORCED CONCRETE PIPE</t>
  </si>
  <si>
    <t>Furnishing and installing circular or oval shaped reinforced concrete pipe or reinforced concrete pipe arch for culverts, siphons, drains and conduits.</t>
  </si>
  <si>
    <t>C6552</t>
  </si>
  <si>
    <t>JACKED REINFORCED CONCRETE PIPE</t>
  </si>
  <si>
    <t>Concrete pipe gets jacked under an existing roadway to reduce damage and disruption.</t>
  </si>
  <si>
    <t>C6591</t>
  </si>
  <si>
    <t>NON-REINFORCED CONCRETE PIPE</t>
  </si>
  <si>
    <t>This industry comprises establishments primarily engaged in operating water treatment plants and/or operating water supply systems. The water supply system may include pumping stations, aqueducts, and/or distribution mains. The water may be used for drinking, irrigation, or other uses.</t>
  </si>
  <si>
    <t>C6650</t>
  </si>
  <si>
    <t>CORRUGATED METAL PIPE (CSP)</t>
  </si>
  <si>
    <t>C6680</t>
  </si>
  <si>
    <t>JACKED CORRUGATED STEEL PIPE</t>
  </si>
  <si>
    <t>C6700</t>
  </si>
  <si>
    <t>STRUCTURAL STEEL PLATE PIPE, ARCH &amp; PIPE ARCH</t>
  </si>
  <si>
    <t>SUBSURFACE DRAIN</t>
  </si>
  <si>
    <t>C6800</t>
  </si>
  <si>
    <t>Commonly referred to as a “French” or “curtain” drain, utilized in the protection of groundwater &amp; septic systems.</t>
  </si>
  <si>
    <t>C6811</t>
  </si>
  <si>
    <t>EDGE DRAIN</t>
  </si>
  <si>
    <r>
      <t xml:space="preserve">Placed on highways </t>
    </r>
    <r>
      <rPr>
        <sz val="11"/>
        <color rgb="FF000000"/>
        <rFont val="Verdana"/>
        <family val="2"/>
      </rPr>
      <t>so that the pavement structure will drain.</t>
    </r>
  </si>
  <si>
    <t>C6815</t>
  </si>
  <si>
    <t>HORIZONTAL DRAIN</t>
  </si>
  <si>
    <t>Commonly used in stabilizing unsaturated residual soil slopes.</t>
  </si>
  <si>
    <t>C6819</t>
  </si>
  <si>
    <t>FILTER FABRIC</t>
  </si>
  <si>
    <t>Holds the engineered soil in place and still prevents small media particles, such as plant debris and fines, from entering and clogging the drainage layer below.</t>
  </si>
  <si>
    <t>C6820</t>
  </si>
  <si>
    <t>PERMEABLE MATERIAL</t>
  </si>
  <si>
    <t>Material that allows liquid or gases to pass through.</t>
  </si>
  <si>
    <t>DOWNDRAIN</t>
  </si>
  <si>
    <t>C6900</t>
  </si>
  <si>
    <t>Pipe designed to carry water runoff from roads and shoulders.</t>
  </si>
  <si>
    <t>C7000</t>
  </si>
  <si>
    <t>PLASTIC PIPE</t>
  </si>
  <si>
    <t>C7006</t>
  </si>
  <si>
    <t>CORRUGATED STEEL PIPE INLET &amp; RISER</t>
  </si>
  <si>
    <t>Riser pipes sieve out debris and allow passage of water. They also allow accumulation of bedload sediments released.</t>
  </si>
  <si>
    <t>C7026</t>
  </si>
  <si>
    <t>CORRUGATED STEEL PIPE ENGERY DISSIPATOR</t>
  </si>
  <si>
    <t>Used for velocity reduction in culverts.</t>
  </si>
  <si>
    <t>C7035</t>
  </si>
  <si>
    <t>WELDED STEEL PIPE</t>
  </si>
  <si>
    <t>C7041</t>
  </si>
  <si>
    <t>JACKED WELDED STEEL PIPE</t>
  </si>
  <si>
    <t>C7065</t>
  </si>
  <si>
    <t>DEBRIS RACK-DRAINAGE GATE</t>
  </si>
  <si>
    <t>May be required at the entrance of culverts, always required for pond outlets for purposes of safety, water quality and/or maintenance. Minimizes clogging by debris.</t>
  </si>
  <si>
    <t>C7112</t>
  </si>
  <si>
    <t>REINFORED CONCRETE SEWER PIPE</t>
  </si>
  <si>
    <t>Includes the laying of concrete pipe and any other hardware associated with the system.</t>
  </si>
  <si>
    <t>C-42 Sanitation System Contractor- CSLB</t>
  </si>
  <si>
    <t>C7140</t>
  </si>
  <si>
    <t>CLAY SEWER PIPE</t>
  </si>
  <si>
    <t>Commonly used in sewer mains.</t>
  </si>
  <si>
    <t>C7160</t>
  </si>
  <si>
    <t>ASBESTOS-CEMENT SEWER PIPE</t>
  </si>
  <si>
    <t>C7180</t>
  </si>
  <si>
    <t>CAST IRON SEWER PIPE</t>
  </si>
  <si>
    <t>Includes the laying of cast-iron pipe and any other hardware associated with the system.</t>
  </si>
  <si>
    <t>C7191</t>
  </si>
  <si>
    <t>SEWER MANHOLE</t>
  </si>
  <si>
    <t>Top opening to underground utility vault. Generally found in urban areas, in streets and occasionally under sidewalks.</t>
  </si>
  <si>
    <t>C7194</t>
  </si>
  <si>
    <t>JUNCTION CHAMBER</t>
  </si>
  <si>
    <t>Converging section of a sewer used to facilitate the flow from one or more sewers into a main sewer.</t>
  </si>
  <si>
    <t>C7200</t>
  </si>
  <si>
    <t>ROCK SLOPE PROTECTION</t>
  </si>
  <si>
    <t>Consists of rock, concrete, concreted‑rock or slope paving.  The type of slope protection to be used will be designated in the Engineer's Estimate.</t>
  </si>
  <si>
    <t>C7215</t>
  </si>
  <si>
    <t>CONCRETED-ROCK SLOPE PROTECTION</t>
  </si>
  <si>
    <t>Consists of placing revetment type concreted‑rock courses on the slopes.</t>
  </si>
  <si>
    <t>C7218</t>
  </si>
  <si>
    <t>AIR-BLOWN MORTAR (SLOPE PAVING)</t>
  </si>
  <si>
    <t>Use of shotcrete to control and prevent erosion of the slopes and waterways.</t>
  </si>
  <si>
    <t>C7250</t>
  </si>
  <si>
    <t>SACKED CONCRETE</t>
  </si>
  <si>
    <t>Removing or alleviating defects on a concrete surface by applying a mixture of sand and cement to the moistened surface and rubbing with a coarse material such as burlap.</t>
  </si>
  <si>
    <t>C7301</t>
  </si>
  <si>
    <t>CONCRETE CURB &amp; SIDEWALK- MISC</t>
  </si>
  <si>
    <t>Constructing concrete curbs, sidewalks, gutter depressions, island paving, curb ramps (wheelchair ramps) and driveways of the form and dimensions shown on the plans.</t>
  </si>
  <si>
    <t>C7405</t>
  </si>
  <si>
    <t>DRAINAGE PUMPING EQUIPMENT</t>
  </si>
  <si>
    <t>Installs, removes, modifies or repairs; pumps, pumping apparatus, motors, pipe, joints and fittings, bracing, hardware, storage cabinet, supply fan, duct work, pump house door and tools.</t>
  </si>
  <si>
    <t>D-21 Machinery &amp; Pumps - CSLB</t>
  </si>
  <si>
    <t>C7410</t>
  </si>
  <si>
    <t>PUMPING PLANT ELECTRICAL EQUIPMENT</t>
  </si>
  <si>
    <t>C7415</t>
  </si>
  <si>
    <t>ENGINE GENERATOR SET</t>
  </si>
  <si>
    <t>C7500</t>
  </si>
  <si>
    <t>MISC IRON &amp; STEEL FRAME, COVER &amp; GRATE</t>
  </si>
  <si>
    <t>Expansion joint armor in steel structures, bearing assemblies, equalizing bolts and expansion joint armor in concrete structures</t>
  </si>
  <si>
    <t>Control, power, and metering equipment, conduit, insulated wire and cable, lights, indicating lights and floor covering but does not include pump motors.</t>
  </si>
  <si>
    <t>Provided as a source of emergency electric power when there is a loss of station service power.</t>
  </si>
  <si>
    <t>C7505</t>
  </si>
  <si>
    <t>MISC BRIDGE METAL PUMPING PLANT METAL</t>
  </si>
  <si>
    <t>Consisting of fabricated and cast metal parts involved in the construction of pumping plants, including metal parts in the pumphouse, outside stairway, storage box and discharge box and the roadway type inlet frames and grates at the pumping plant site.</t>
  </si>
  <si>
    <t>C7600</t>
  </si>
  <si>
    <t>DEVELOP, TEST, DRILL, MAINTAIN WELLS</t>
  </si>
  <si>
    <t>Installs &amp; repairs water wells and pumps by boring, drilling, excavating, casing &amp; cementing to provide supply of uncontaminated water.</t>
  </si>
  <si>
    <t>C8000</t>
  </si>
  <si>
    <t>FENCING</t>
  </si>
  <si>
    <t>Constructs, erects, alters or repairs all types of fences, corrals, runs, cribs, guard rails &amp; barriers; excludes masonry walls.</t>
  </si>
  <si>
    <t>C-13 Fencing Contractor- CSLB</t>
  </si>
  <si>
    <t>C8001</t>
  </si>
  <si>
    <t xml:space="preserve">TEMPORARY FENCING </t>
  </si>
  <si>
    <t xml:space="preserve">Constrtuction Environmentally Sensitive Area (ESA) fencing, Silt fencing, Temp cyclone fencing </t>
  </si>
  <si>
    <t xml:space="preserve">Synthetic Product Installation </t>
  </si>
  <si>
    <t>C8101</t>
  </si>
  <si>
    <t>SURVEY OR HISTORICAL MONUMENT</t>
  </si>
  <si>
    <t>Constructing cast‑in‑place portland cement concrete survey monuments at the locations shown on the plans or directed by the Engineer.</t>
  </si>
  <si>
    <t>C8201</t>
  </si>
  <si>
    <t>OBJECT MARKER</t>
  </si>
  <si>
    <t>Furnishing and installing markers and delineators.</t>
  </si>
  <si>
    <t>C8100</t>
  </si>
  <si>
    <t>C8320</t>
  </si>
  <si>
    <t>METAL BEAM GUARD RAILING</t>
  </si>
  <si>
    <t>Railing at the side of a road as a safety barrier, consisting of a horizontal bar and supports.</t>
  </si>
  <si>
    <t>C8330</t>
  </si>
  <si>
    <t>METAL RAILING</t>
  </si>
  <si>
    <t>A fence or barrier that consists of rails supported by posts.</t>
  </si>
  <si>
    <t>C8331</t>
  </si>
  <si>
    <t>CONCRETE BARRIER</t>
  </si>
  <si>
    <t>Divides multiple lanes on the highway also known as K-rail.</t>
  </si>
  <si>
    <t>C8391</t>
  </si>
  <si>
    <t>METAL BEAM BARRIER</t>
  </si>
  <si>
    <t>Generally used for freeway or highway median applications and can be installed with either wood or steel posts.</t>
  </si>
  <si>
    <t>C8405</t>
  </si>
  <si>
    <t>Furnishing and applying thermoplastic traffic stripes and pavement markings, including glass beads.</t>
  </si>
  <si>
    <t>C8406</t>
  </si>
  <si>
    <t>Applying traffic stripes and pavement markings,</t>
  </si>
  <si>
    <t>C8501</t>
  </si>
  <si>
    <t>Furnishing and placing pavement markers and constructing pavement recesses.</t>
  </si>
  <si>
    <t>C8602</t>
  </si>
  <si>
    <t>SIGNAL &amp; LIGHTING</t>
  </si>
  <si>
    <t>Furnishing and installing, modifying or removing one or more traffic signals, traffic signal master controller assemblies and interconnection facilities, ramp metering systems, flashing beacon systems, lighting systems, sign illumination systems, traffic monitoring stations.</t>
  </si>
  <si>
    <t>C-10 Electrical Contractor-CSLB</t>
  </si>
  <si>
    <t>C8603</t>
  </si>
  <si>
    <t>SIGNAL</t>
  </si>
  <si>
    <t>Installation of signals.</t>
  </si>
  <si>
    <t>C8604</t>
  </si>
  <si>
    <t>LIGHTING</t>
  </si>
  <si>
    <t>Installation of street lights.</t>
  </si>
  <si>
    <t>C8605</t>
  </si>
  <si>
    <t>MESSAGE SIGNS, LIGHTING &amp; SIGN ILLUMINATION</t>
  </si>
  <si>
    <t>C8608</t>
  </si>
  <si>
    <t>DETECTOR</t>
  </si>
  <si>
    <t>Strategically placed along major roadways used to capture data for use in traffic studies.</t>
  </si>
  <si>
    <t>C8609</t>
  </si>
  <si>
    <t>TRAFFIC COUNT STATION</t>
  </si>
  <si>
    <t>Count of traffic along a particular road, either done electronically or by people counting by the side of the road</t>
  </si>
  <si>
    <t>C8610</t>
  </si>
  <si>
    <t>SPEED MONITORING STATION</t>
  </si>
  <si>
    <t>C8611</t>
  </si>
  <si>
    <t>RAMP METERING SYSTEM</t>
  </si>
  <si>
    <t>Installed to restrict the total flow entering the freeway.</t>
  </si>
  <si>
    <t>C8700</t>
  </si>
  <si>
    <t>CONSULTANT, NON-ENGINEERING</t>
  </si>
  <si>
    <t>Individual who renders professional consulting services complementing the architect or engineer’s services.</t>
  </si>
  <si>
    <t>C8701</t>
  </si>
  <si>
    <t>BUSINESS ADMINISTRATION</t>
  </si>
  <si>
    <t>Process of organizing people and resources efficiently so as to direct activities toward common goals and objectives.</t>
  </si>
  <si>
    <t>C8702</t>
  </si>
  <si>
    <t>MANAGEMENT INFORMATION SYSTEMS</t>
  </si>
  <si>
    <t>Provides information needed to manage organizations effectively.  Involves three primary resources: technology, information, and people.</t>
  </si>
  <si>
    <t>C8703</t>
  </si>
  <si>
    <t>TRAFFIC ENGINEER</t>
  </si>
  <si>
    <t>C8704</t>
  </si>
  <si>
    <t>ARCHITECTURAL</t>
  </si>
  <si>
    <t>Plan, design and observe the construction of projects.</t>
  </si>
  <si>
    <t>C8705</t>
  </si>
  <si>
    <t>DESIGN</t>
  </si>
  <si>
    <t>C8706</t>
  </si>
  <si>
    <t>DESIGN BRIDGES</t>
  </si>
  <si>
    <t>C8707</t>
  </si>
  <si>
    <t>FEASIBILITY STUDIES</t>
  </si>
  <si>
    <t>Detailed investigation &amp; analysis conducted to determine the financial, economic or technical advisability of a proposed project.</t>
  </si>
  <si>
    <t>C8710</t>
  </si>
  <si>
    <t xml:space="preserve">ENGINEERING </t>
  </si>
  <si>
    <t>Discipline, art, skill and profession of acquiring and applying scientific, mathematical, economic, social, and practical knowledge, in order to design and build structures, machines, devices, systems and materials.</t>
  </si>
  <si>
    <t>C8711</t>
  </si>
  <si>
    <t>COMPUTER</t>
  </si>
  <si>
    <t>C8712</t>
  </si>
  <si>
    <t>PUBLIC RELATIONS</t>
  </si>
  <si>
    <t>Enhancing and maintaining the image for businesses, non-profit organizations, events or high-profile people.</t>
  </si>
  <si>
    <t>C8713</t>
  </si>
  <si>
    <t>CONSULTANT, ENVIRONMENTAL</t>
  </si>
  <si>
    <t>C8714</t>
  </si>
  <si>
    <t>CONSULTANT, BUSINESS/MANAGEMENT</t>
  </si>
  <si>
    <t>C8715</t>
  </si>
  <si>
    <t>CONSULTANT, ENGINEERING</t>
  </si>
  <si>
    <t xml:space="preserve">This industry comprises establishments primarily engaged in applying physical laws and principles of engineering in the design, development, and utilization of machines, materials, instruments, structures, processes, and systems. The assignments undertaken by these establishments may involve any of the following activities: provision of advice, preparation of feasibility studies, preparation of preliminary and final plans and designs, provision of technical services during the construction or installation phase, inspection and evaluation of engineering projects, and related services. </t>
  </si>
  <si>
    <t xml:space="preserve">Branch of civil engineering that uses engineering techniques to achieve the safe and efficient movement of people and goods. </t>
  </si>
  <si>
    <t>C8716</t>
  </si>
  <si>
    <t>ARCHITECTURAL ENGINEER</t>
  </si>
  <si>
    <t>Design of building systems including Heating, ventilation and air conditioning (HVAC), plumbing, fire protection, electrical, lighting, transportation, and structural systems.</t>
  </si>
  <si>
    <t>C8720</t>
  </si>
  <si>
    <t>CIVIL ENGINEERING</t>
  </si>
  <si>
    <t>Design, construction, and maintenance of the physical and naturally built environment, including works such as bridges, roads, canals, dams and buildings.</t>
  </si>
  <si>
    <t>C8721</t>
  </si>
  <si>
    <t>RIGHT OF WAY ENGINEER</t>
  </si>
  <si>
    <t>Researching public records, conducting land surveys, and preparing the necessary legal descriptions for the conveyance of land title rights, such as easements, fee title grant deeds, and temporary construction easements between parties in both the private and public sector.</t>
  </si>
  <si>
    <t>C8722</t>
  </si>
  <si>
    <t>ENVIRONMENTAL ENGINEER</t>
  </si>
  <si>
    <t>C8730</t>
  </si>
  <si>
    <t>SAFETY STUDIES</t>
  </si>
  <si>
    <t>C8740</t>
  </si>
  <si>
    <t>ELECTRICAL ENGINEERS</t>
  </si>
  <si>
    <t>Covers a range of subtopics including power, electronics, control systems, signal processing and telecommunications.</t>
  </si>
  <si>
    <t>C8742</t>
  </si>
  <si>
    <t>MECHANICAL ENGINEERS</t>
  </si>
  <si>
    <t>Involves the production and usage of heat and mechanical power for the design, production, and operation of machines and tools.</t>
  </si>
  <si>
    <t>C8744</t>
  </si>
  <si>
    <t>LANDSCAPE ARCHITECTS</t>
  </si>
  <si>
    <t>C8746</t>
  </si>
  <si>
    <t>STRUCTURAL ENGINEER</t>
  </si>
  <si>
    <t>Analyze, design, plan &amp; research structural components. Typical structures include buildings, towers, stadia and bridges. Other structures such as oil rigs, space satellites, aircraft and ships may also be designed by a structural engineer.</t>
  </si>
  <si>
    <t>C8750</t>
  </si>
  <si>
    <t>REAL ESTATE SALES PERSON</t>
  </si>
  <si>
    <t>Assist sellers in marketing their property and assist buyers by helping them purchase property.</t>
  </si>
  <si>
    <t>Department of Real Estate</t>
  </si>
  <si>
    <t>C8751</t>
  </si>
  <si>
    <t>REAL ESTATE BROKER</t>
  </si>
  <si>
    <t>Brokers and agents do the same type of work, but brokers are licensed to manage their own real estate businesses.</t>
  </si>
  <si>
    <t>C8760</t>
  </si>
  <si>
    <t>One skilled in land measurement. Surveyors who set up boundaries must be licensed by the State in which they work.</t>
  </si>
  <si>
    <t>C8761</t>
  </si>
  <si>
    <t>GEOPHYSICS</t>
  </si>
  <si>
    <t>Applied to societal needs, such as mineral resources, mitigation of natural hazards and environmental protection. Geophysical survey data are used to analyze potential petroleum reservoirs and mineral deposits &amp; to locate groundwater.</t>
  </si>
  <si>
    <t>C8762</t>
  </si>
  <si>
    <t>AERIAL/PHOTOGRAMMETRIC MAPPING SERVICES</t>
  </si>
  <si>
    <t>Photogrammetric surveys are often the basis for topographic maps, land-use planning and environmental studies. Geomatic method of collecting information by sing aerial photography.</t>
  </si>
  <si>
    <t>C8765</t>
  </si>
  <si>
    <t>DRAFTING</t>
  </si>
  <si>
    <t>Technical drawing, which may involve architecture, engineering, electrical, plumbing, etc.</t>
  </si>
  <si>
    <t>C8766</t>
  </si>
  <si>
    <t>COMPUTER-AIDED DESIGN &amp; DRAFTING (CADD)</t>
  </si>
  <si>
    <t>The use of computer technology for the process of design and design-documentation.</t>
  </si>
  <si>
    <t>C8770</t>
  </si>
  <si>
    <t>CONSTRUCTION MANAGEMENT</t>
  </si>
  <si>
    <t>C8771</t>
  </si>
  <si>
    <t>CONSTRUCTION MANAGEMENT – COMMERICAL AND INSTITUTIONAL BUILDING CONSTRUCTION</t>
  </si>
  <si>
    <t>The art, planning, design, management, preservation and rehabilitation of the land and the design of large-scale man-made constructs. Scope includes architectural design, site planning, estate development, environmental restoration, town or urban planning, park and recreation planning, regional planning, spatial planning, and historic preservation.</t>
  </si>
  <si>
    <r>
      <t> </t>
    </r>
    <r>
      <rPr>
        <sz val="11"/>
        <color theme="1"/>
        <rFont val="Verdana"/>
        <family val="2"/>
      </rPr>
      <t>NO LICENSE REQUIRED</t>
    </r>
  </si>
  <si>
    <t>C8772</t>
  </si>
  <si>
    <t>CONSTRUCTION MANAGEMENT – INDUSTRIAL BUILDING CONSTRUCITON</t>
  </si>
  <si>
    <t>C8773</t>
  </si>
  <si>
    <t xml:space="preserve">CONSTRUCTION MANAGEMENT – HIGHWAY, STREET, AND BRIDGE CONSTRUCTION </t>
  </si>
  <si>
    <t>C8774</t>
  </si>
  <si>
    <t>CONSTRUCTION MANAGEMENT – LAND SUBDIVISION</t>
  </si>
  <si>
    <t>C8775</t>
  </si>
  <si>
    <t>CONSTRUCTION MANAGEMENT – OIL AND GAS PIPELINEAND RELATED STRUCTURES CONSTRUCTION</t>
  </si>
  <si>
    <t>C8776</t>
  </si>
  <si>
    <t>CONSTRUCTION MANAGEMENT – OTHER HEAVY AND CIVIL ENGINEERING CONSTRUCTION</t>
  </si>
  <si>
    <t>C8777</t>
  </si>
  <si>
    <t>CONSTRUCTION MANAGEMENT – POWER AND COMMUNICATION LINE AND RELATED STRUCTURES CONSTRUCTION</t>
  </si>
  <si>
    <t>C8778</t>
  </si>
  <si>
    <t>CONSTRUCTION MANAGEMENT – WATER AND SEWER LINE AND RELATED STRUCTURE CONSTRUCTION</t>
  </si>
  <si>
    <t>C8780</t>
  </si>
  <si>
    <t>ENGINEERING- GEOTECHNICAL</t>
  </si>
  <si>
    <t>Branch of civil engineering that deals with earth materials, including: soil, rock and groundwater.</t>
  </si>
  <si>
    <t>C8781</t>
  </si>
  <si>
    <t>ENGINEERING- HYDROLOGY</t>
  </si>
  <si>
    <t>Scientific study of water's properties, distribution, and effects on the earth's surface.</t>
  </si>
  <si>
    <t>C8782</t>
  </si>
  <si>
    <t>ENGINEERING – SEISMIC</t>
  </si>
  <si>
    <t>Branch of engineering that searches for ways to make structures, such as buildings and bridges, resistant to earthquake damage</t>
  </si>
  <si>
    <t>C8783</t>
  </si>
  <si>
    <t>ENGINEERING- STRUCTURAL</t>
  </si>
  <si>
    <t>Dealing with the analysis and design of structures that support or resist loads. Usually considered a specialty within civil engineering.</t>
  </si>
  <si>
    <t>C8784</t>
  </si>
  <si>
    <t>ENGINEERING – VALUE</t>
  </si>
  <si>
    <t>Systematic method to improve the "value" of goods or products and services by using an examination of function; identifies and removes unnecessary expenditures.</t>
  </si>
  <si>
    <t>C8790</t>
  </si>
  <si>
    <t>ENVIRONMENTAL – ACOUSTIC/NOISE STUDIES</t>
  </si>
  <si>
    <t>541620 – Environmental Consulting Services</t>
  </si>
  <si>
    <t>C8791</t>
  </si>
  <si>
    <t>Involves; ambient air monitoring, emission inventories, air quality and emission modeling and impact analysis.</t>
  </si>
  <si>
    <t>California Environmental Protection Agency- Air Resources Board</t>
  </si>
  <si>
    <t>C8792</t>
  </si>
  <si>
    <t>ENVIRONMENTAL – BIOLOGICAL STUDIES</t>
  </si>
  <si>
    <t>C8793</t>
  </si>
  <si>
    <t>ENVIRONMENTAL – ENVIRONMENTAL IMPACT STUDIES</t>
  </si>
  <si>
    <t>C8794</t>
  </si>
  <si>
    <t xml:space="preserve">ENVIRONMENTAL – WATER QUALITY </t>
  </si>
  <si>
    <t>Relates to water bodies such as lakes, rivers, and oceans. Water quality standards for surface waters vary significantly due to different environmental conditions, ecosystems, and intended human uses.</t>
  </si>
  <si>
    <t>California Environmental Protection Agency- Water Resources Control Board</t>
  </si>
  <si>
    <t>C8795</t>
  </si>
  <si>
    <t xml:space="preserve">ENVIRONMENTAL – REGULATORY </t>
  </si>
  <si>
    <t>C8800</t>
  </si>
  <si>
    <t>CONSTRUCTION ESTIMATING &amp; COSTING</t>
  </si>
  <si>
    <t>C8801</t>
  </si>
  <si>
    <t>CONSTRUCTION PROJECT AND DOCUMENT CONTROL</t>
  </si>
  <si>
    <t>C8802</t>
  </si>
  <si>
    <t>CONSTRUCTION SCHEDULING</t>
  </si>
  <si>
    <t>The source of most outdoor noise is construction and transportation systems, including motor vehicle, aircraft and rail noise. Revolves around the generation, propagation and reception of mechanical waves and vibrations.</t>
  </si>
  <si>
    <t>ENVIRONMENTAL – AIR QUALITY</t>
  </si>
  <si>
    <t>C8820</t>
  </si>
  <si>
    <t>DEMOGRAPHIC ANALYSIS</t>
  </si>
  <si>
    <t>Statistical and mathematical study of the size, composition, and spatial distribution of human populations.</t>
  </si>
  <si>
    <t>C8821</t>
  </si>
  <si>
    <t>ECONOMIC ANALYSIS</t>
  </si>
  <si>
    <t>A systematic approach to selecting the most efficient and cost-effective strategy for satisfying an agency's need.</t>
  </si>
  <si>
    <t>C8822</t>
  </si>
  <si>
    <t>COMMUNITY ECONOMIC DEVELOPMENT</t>
  </si>
  <si>
    <t>Field of study that actively elicits community involvement when working with government, and private sectors. Encourages using local resources in a way that enhances economic opportunities while improving social conditions in a sustainable way.</t>
  </si>
  <si>
    <t>C8830</t>
  </si>
  <si>
    <t>ENERGY STUDIES</t>
  </si>
  <si>
    <t>C8831</t>
  </si>
  <si>
    <t xml:space="preserve">HOUSING STUDIES </t>
  </si>
  <si>
    <t>C8832</t>
  </si>
  <si>
    <t>DIVERSITY ISSUES/ MINORITY IMPACT STUDIES</t>
  </si>
  <si>
    <t>C8833</t>
  </si>
  <si>
    <t>DISABLED ISSUES/ STUDIES</t>
  </si>
  <si>
    <t>C8834</t>
  </si>
  <si>
    <t>BICYCLE, PEDESTRIAN STUDIES</t>
  </si>
  <si>
    <t>C8835</t>
  </si>
  <si>
    <t>ARCHEOLOGY</t>
  </si>
  <si>
    <t>Scientific study of past human culture and behavior; involves surveyance, excavation and eventually analysis of data collected.</t>
  </si>
  <si>
    <t>C8836</t>
  </si>
  <si>
    <t>Investigating the subsurface with seismic methods drilling boreholes and logging the rocks they penetrate and assessing mineral deposits.</t>
  </si>
  <si>
    <t>C8837</t>
  </si>
  <si>
    <t>C8838</t>
  </si>
  <si>
    <t>MOBILITY STUDIES – DISABLED</t>
  </si>
  <si>
    <t>Conducted for significant transportation projects, such as major highway or transit improvements.</t>
  </si>
  <si>
    <t>C8840</t>
  </si>
  <si>
    <t>INTERMODAL PLANNING</t>
  </si>
  <si>
    <t>Ability to connect various modes of transportation including; aeronautics, pedestrian, rail, freight and public transportation.</t>
  </si>
  <si>
    <t>C8850</t>
  </si>
  <si>
    <t>TRAFFIC MANAGEMENT/ OPERATIONS</t>
  </si>
  <si>
    <t>C8900</t>
  </si>
  <si>
    <t>RAIL CAR SERVICES</t>
  </si>
  <si>
    <t>C8901</t>
  </si>
  <si>
    <t>AIR CONDITIONING/SHEET METAL</t>
  </si>
  <si>
    <t>C8902</t>
  </si>
  <si>
    <t>C8903</t>
  </si>
  <si>
    <t>C8904</t>
  </si>
  <si>
    <t>C8906</t>
  </si>
  <si>
    <t>AUTO SERVICE</t>
  </si>
  <si>
    <t>C8907</t>
  </si>
  <si>
    <t>C8908</t>
  </si>
  <si>
    <t>PERSONNEL TRANSPORTATION</t>
  </si>
  <si>
    <t>C9602</t>
  </si>
  <si>
    <t>BOTTOM DUMP TRUCKING</t>
  </si>
  <si>
    <t>C9605</t>
  </si>
  <si>
    <t>FLAT BED TRUCKING</t>
  </si>
  <si>
    <t>C9606</t>
  </si>
  <si>
    <t>C9607</t>
  </si>
  <si>
    <t>C9608</t>
  </si>
  <si>
    <t>C9609</t>
  </si>
  <si>
    <t xml:space="preserve">STREET SWEEPING TRUCK </t>
  </si>
  <si>
    <t>C9632</t>
  </si>
  <si>
    <t>HAZARDOUS SUBSTANCE REMOVAL</t>
  </si>
  <si>
    <t>C9633</t>
  </si>
  <si>
    <t>HAZARDOUS WASTE TRUCKING</t>
  </si>
  <si>
    <t>This industry comprises establishments primarily engaged in providing long-distance specialized trucking. These establishments provide trucking between metropolitan areas that may cross North American country borders.</t>
  </si>
  <si>
    <t>C9670</t>
  </si>
  <si>
    <t>TRUCK RENTAL</t>
  </si>
  <si>
    <t xml:space="preserve">This industry comprises establishments primarily engaged in renting or leasing, without drivers, one or more of the following: trucks, truck tractors or buses: semitrailers, utility trailers, or RVs (recreational vehicles). </t>
  </si>
  <si>
    <t>C9771</t>
  </si>
  <si>
    <t>TRUCKER BROKER</t>
  </si>
  <si>
    <t>C9774</t>
  </si>
  <si>
    <t>TRUCKER</t>
  </si>
  <si>
    <t>C9801</t>
  </si>
  <si>
    <t>BUILDING CONSTRUCTION</t>
  </si>
  <si>
    <t>Assembling of infrastructure. The process of adding structure to real property.</t>
  </si>
  <si>
    <t>B-General Building Contractor-CSLB</t>
  </si>
  <si>
    <t>C9810</t>
  </si>
  <si>
    <t>SMALL STRUCTURES</t>
  </si>
  <si>
    <t>C9822</t>
  </si>
  <si>
    <t>CARPENTRY</t>
  </si>
  <si>
    <t>Performs any form work, framing or rough carpentry necessary to construct framed structures; installs or repairs individual components of framing systems and performs any rough carpentry or associated work, including but not limited to the construction or installation of: sub-flooring, siding, exterior staircases and railings, overhead doors, roof decking, truss members, and sheathing</t>
  </si>
  <si>
    <t>C-5 Framing &amp; Rough Carpentry- CSLB</t>
  </si>
  <si>
    <t>C9826</t>
  </si>
  <si>
    <t>LAND SURVEYING</t>
  </si>
  <si>
    <t>Measures land &amp; buildings for mapping.</t>
  </si>
  <si>
    <t>Professional Surveyor (P.S.)-BPELS</t>
  </si>
  <si>
    <t>C9827</t>
  </si>
  <si>
    <t>DRYWALL CONSTRUCTION</t>
  </si>
  <si>
    <t>Lays out and installs gypsum wall board and gypsum wall board assemblies including nonstructural metal framing members, and performs the taping and texturing operations including the application of compounds that adhere to wall board to produce a continuous smooth or textured surface</t>
  </si>
  <si>
    <t>C9828</t>
  </si>
  <si>
    <t>CRANE WORK</t>
  </si>
  <si>
    <t>Use of a machine to lift and move loads.</t>
  </si>
  <si>
    <t>C9829</t>
  </si>
  <si>
    <t>RETAINER WALLS</t>
  </si>
  <si>
    <t>Walls built to keep a bank of earth from sliding or water from flooding.</t>
  </si>
  <si>
    <t>C9830</t>
  </si>
  <si>
    <t>WALL COVERING</t>
  </si>
  <si>
    <t>Applies all types and varieties of decorative wall coverings, except painting or paneling, including paper and vinyl goods.</t>
  </si>
  <si>
    <t>D-29 Paperhanging Contractor- CSLB</t>
  </si>
  <si>
    <t>C9834</t>
  </si>
  <si>
    <t>CABINETRY</t>
  </si>
  <si>
    <t>Makes cabinets, cases, sashes, doors, trims, nonbearing partitions and other items of "finish carpentry" by cutting, surfacing, joining, gluing and fabricating wood or other products to provide a functional surface.</t>
  </si>
  <si>
    <t>C-6 Cabinet, Millwork &amp; Finish Carpentry- CSLB</t>
  </si>
  <si>
    <t>C9835</t>
  </si>
  <si>
    <t>LATHING</t>
  </si>
  <si>
    <t>Used as a foundation for plastering, slating and tiling.</t>
  </si>
  <si>
    <t>C9836</t>
  </si>
  <si>
    <t>PLASTERING</t>
  </si>
  <si>
    <t>Coats surfaces with a mixture of sand, gypsum plaster, quick-lime or hydrated lime and water, or sand and cement and water. These coatings are applied with a plasterer's trowel or sprayed over any surface.</t>
  </si>
  <si>
    <t>C9837</t>
  </si>
  <si>
    <t>ROOFING</t>
  </si>
  <si>
    <t>Replace or installs roofing material.</t>
  </si>
  <si>
    <t>C-39 Roofing Contractor- CSLB</t>
  </si>
  <si>
    <t>C9838</t>
  </si>
  <si>
    <t>CERAMIC TILE</t>
  </si>
  <si>
    <t>Prepares surfaces and installs tile.</t>
  </si>
  <si>
    <t>C9839</t>
  </si>
  <si>
    <t>CARPET &amp; DRAPES</t>
  </si>
  <si>
    <t>Window coverings contractor installs or applies decorative, architectural/ functional window/glass treatment or covering products, plastic film window treatment and/or any other window treatment applied for temperature control or as a screening device.</t>
  </si>
  <si>
    <t>C9840</t>
  </si>
  <si>
    <t>FLOOR COVERING</t>
  </si>
  <si>
    <t>Prepares any surface of installation of flooring. Installs carpet, sheet goods, wood and any other materials except ceramic tile.</t>
  </si>
  <si>
    <t>C9842</t>
  </si>
  <si>
    <t>MASONRY</t>
  </si>
  <si>
    <t>Construction composed of shaped or molded units, usually small enough to be handled by one man and composed of stone, ceramic brick or tile, concrete, glass or adobe.</t>
  </si>
  <si>
    <t>C9846</t>
  </si>
  <si>
    <t>ADDITIONS, ALTERATIONS OR REPAIRS</t>
  </si>
  <si>
    <t>Any work performed on an existing building.</t>
  </si>
  <si>
    <t>C9850</t>
  </si>
  <si>
    <t>PLUMBING</t>
  </si>
  <si>
    <t>Provides a means for a supply of safe water, ample in volume and of suitable temperature for the purpose intended and the proper disposal of fluid waste from the premises in all structures and fixed works.</t>
  </si>
  <si>
    <t>C9852</t>
  </si>
  <si>
    <t>EXTERMINATORS</t>
  </si>
  <si>
    <t>3 License Types: Applicator, Field Representative &amp; Operator</t>
  </si>
  <si>
    <t>C9854</t>
  </si>
  <si>
    <t>PAINTING STRUCTURES</t>
  </si>
  <si>
    <t>Prepares surface by scraping, sandblasting or other means and applies paint and other material.</t>
  </si>
  <si>
    <t>C-33 Painting &amp; Decorating Contractor -CSLB</t>
  </si>
  <si>
    <t>C9858</t>
  </si>
  <si>
    <t>RESIDENTIAL ELECTRICAL</t>
  </si>
  <si>
    <t>Places, installs, erects or connects any electrical wires, fixtures, appliances, apparatus, raceways, conduits, solar photovoltaic cells or any part thereof, which generate, transmit, transform or utilize electrical energy in any form or for any purpose.</t>
  </si>
  <si>
    <t>C9859</t>
  </si>
  <si>
    <t>Commercial Electrical</t>
  </si>
  <si>
    <t xml:space="preserve">Places, installs, erects or connects any electrical wires, fixtures, appliances, apparatus, raceways, conduits, solar photovoltaic cells or any part thereof, which generate, transmit, transform or utilize electrical energy in any form or for any purpose for commercial operations. </t>
  </si>
  <si>
    <t>238210 – Electrical Contractors</t>
  </si>
  <si>
    <t>C9857</t>
  </si>
  <si>
    <t>C9860</t>
  </si>
  <si>
    <t>WATER METER &amp; TEMP FACILITIES</t>
  </si>
  <si>
    <t>Water and gas piping from the property owner's side of the utility meter to the structure or fixed works; Installation of any type of equipment to heat water, or fluids, to a temperature suitable for the purposes listed in this section, including the installation of solar equipment for this purpose.</t>
  </si>
  <si>
    <t>C-36 Plumbing Contractor- CSLB</t>
  </si>
  <si>
    <t>C9862</t>
  </si>
  <si>
    <t>RESIDENTIAL AIR CONDITIONING &amp; SHEET METAL</t>
  </si>
  <si>
    <t>Thin metal usually galvanized iron, used in manufacturing of pipe, ductwork &amp; fittings.</t>
  </si>
  <si>
    <t>C9864</t>
  </si>
  <si>
    <t>SHOWER DOORS &amp; MIRROR INSTALLATION</t>
  </si>
  <si>
    <t>Selects, cuts, assembles and/or installs all makes and kinds of glass, glass work, and mirrored glass for glazing; executes the fabrication and glazing of frames, panels, sashes and doors; and/or installs these items in any structure.</t>
  </si>
  <si>
    <t>C-17 Glazing Contractor- CSLB</t>
  </si>
  <si>
    <t>C9866</t>
  </si>
  <si>
    <t>HEATING &amp; AIR CONDITIONING</t>
  </si>
  <si>
    <t>Fabricates, installs, maintains, services and repairs warm-air heating systems and water heating heat pumps, complete with warm-air appliances; ventilating systems complete with blowers and plenum chambers; air-conditioning systems complete with air-conditioning unit; and the ducts, registers, flues, humidity and thermostatic controls.</t>
  </si>
  <si>
    <t>C-20 Warm Air Heating, Ventilating and Air-Conditioning Contractor- (HVAC) -CSLB</t>
  </si>
  <si>
    <t>C9867</t>
  </si>
  <si>
    <t>LANDSCAPING CONTRACTOR</t>
  </si>
  <si>
    <t>Constructs, maintains, repairs, installs, or subcontracts the development of landscape systems and facilities for public and private gardens and other areas which are designed to aesthetically, horticulturally, or functionally improve the grounds.</t>
  </si>
  <si>
    <t>C-27 Landscaping Contractor - CSLB</t>
  </si>
  <si>
    <t>C9868</t>
  </si>
  <si>
    <t>INSULATION</t>
  </si>
  <si>
    <t>Installs any insulating media for the purpose of temperature and/or sound control.</t>
  </si>
  <si>
    <t>C-2 Insulation &amp; Acoustical Contractor- CSLB</t>
  </si>
  <si>
    <t>C9869</t>
  </si>
  <si>
    <t>ASBESTOS REMOVAL/ABATEMENT</t>
  </si>
  <si>
    <t>A licensed contractor or an employee takes an asbestos exam. If they pass, they become a "qualifier" for the license. The CSLB will place an asbestos certification (ASB) on the contractor’s license. The ASB is useless without Cal/OSHA registration. Public and private employers performing work on their own property do not need a CSLB license, but do need Cal/OSHA registration.</t>
  </si>
  <si>
    <t>C9872</t>
  </si>
  <si>
    <t>SEWER CONNECTION</t>
  </si>
  <si>
    <t>Fabricates and installs cesspools, septic tanks, storm drains, and other sewage disposal and drain structures. This classification includes the laying of cast-iron, steel, concrete, vitreous and any other hardware associated with these systems.</t>
  </si>
  <si>
    <t>C9874</t>
  </si>
  <si>
    <t>HARDWARE (ROUGH)</t>
  </si>
  <si>
    <t>Concealed fasteners in a building such as nails, bolts &amp; hangers.</t>
  </si>
  <si>
    <t>C9876</t>
  </si>
  <si>
    <t>HARDWARE (FINISH)</t>
  </si>
  <si>
    <t>C9878</t>
  </si>
  <si>
    <t>SIDING, STUCCO, VENEER</t>
  </si>
  <si>
    <t>Applies or installs all types of exterior siding; including vinyl, aluminum and metal to new or existing buildings.</t>
  </si>
  <si>
    <t>Swimming Pool Contractor</t>
  </si>
  <si>
    <t>C9902</t>
  </si>
  <si>
    <t>FUEL SYSTEMS</t>
  </si>
  <si>
    <t>C9903</t>
  </si>
  <si>
    <t>CONSTRUCTION CLEAN UP</t>
  </si>
  <si>
    <t>D-63 Construction Cleanup - CSLB</t>
  </si>
  <si>
    <t>C9904</t>
  </si>
  <si>
    <t>CORING</t>
  </si>
  <si>
    <t>Obtaining cores from concrete structures or rock foundations.</t>
  </si>
  <si>
    <t>D-6 Concrete Related Services- CSLB</t>
  </si>
  <si>
    <t>Hardware that is seen and is therefore given a special finish.</t>
  </si>
  <si>
    <t>C9905</t>
  </si>
  <si>
    <t>CUTTING</t>
  </si>
  <si>
    <t>Excavating or lowering a grade.</t>
  </si>
  <si>
    <t>C9906</t>
  </si>
  <si>
    <t>SANDBLASTING</t>
  </si>
  <si>
    <t>System of cutting or abrading a surface such as concrete by a stream of sand ejected from a nozzle at high speed by compressed air.</t>
  </si>
  <si>
    <t>D-38 Sand and Water Blasting-CSLB</t>
  </si>
  <si>
    <t>C9907</t>
  </si>
  <si>
    <t>CONSTRUCTION EQUIPMENTAL RENTAL</t>
  </si>
  <si>
    <t>Facility that rents and/or leases equipment to the public.</t>
  </si>
  <si>
    <t>C9908</t>
  </si>
  <si>
    <t>HEAVY EQUIPMENT RENTAL</t>
  </si>
  <si>
    <t>Facility that rents and/or leases equipment which  includes most wheeled or tracked equipment such as backhoes, wheel loaders, scrapers, bulldozers and excavators.</t>
  </si>
  <si>
    <t>C9947</t>
  </si>
  <si>
    <t>ELEVATOR</t>
  </si>
  <si>
    <t>Fabricates, erects, installs &amp; repairs elevators.</t>
  </si>
  <si>
    <t>C-11 Elevator Contractor-CSLB</t>
  </si>
  <si>
    <t>C9980</t>
  </si>
  <si>
    <t>DEMOLITION</t>
  </si>
  <si>
    <t>Raises, lowers, cribs, underpins, demolishes &amp; moves structures; including their foundations.</t>
  </si>
  <si>
    <t>C9981</t>
  </si>
  <si>
    <t>BUILDING MOVER</t>
  </si>
  <si>
    <t>Raises, lowers, cribs, underpins, &amp; moves structures; including their foundations.</t>
  </si>
  <si>
    <t>C9988</t>
  </si>
  <si>
    <t>MOVING &amp; STORAGE</t>
  </si>
  <si>
    <t>This industry comprises establishments primarily engaged in operating merchandise warehousing and storage facilities. These establishments generally handle goods in containers, such as boxes, barrels, and/or drums, using equipment, such as forklifts, pallets, and racks. They are not specialized in handling bulk products of any particular type, size, or quantity of goods or products.</t>
  </si>
  <si>
    <t>C9999</t>
  </si>
  <si>
    <t>BROKER (FOR FEE ONLY)</t>
  </si>
  <si>
    <t>C9880</t>
  </si>
  <si>
    <t>C0800</t>
  </si>
  <si>
    <t>A0110</t>
  </si>
  <si>
    <t>CASH GRAINS</t>
  </si>
  <si>
    <t>This group includes establishments (e.g., farms, orchards, greenhouses, nurseries) primarily engaged in the production of wheat, corn, rice, and soybeans</t>
  </si>
  <si>
    <t>A0130</t>
  </si>
  <si>
    <t>FIELD CROPS, EXCEPT CASH GRAINS</t>
  </si>
  <si>
    <t>This group includes establishments (e.g., farms, orchards, greenhouses, nurseries) primarily engaged in the production of cotton, tobacco, sugar cane, sugar beets, etc.</t>
  </si>
  <si>
    <t>111998 – All Other Misc Crop Farming</t>
  </si>
  <si>
    <t>A0160</t>
  </si>
  <si>
    <t>VEGETABLES &amp; MELONS</t>
  </si>
  <si>
    <t>This group includes establishments (e.g., farms, orchards, greenhouses, nurseries) primarily engaged in the production of vegetables and melons.</t>
  </si>
  <si>
    <t>A0170</t>
  </si>
  <si>
    <t>FRUITS &amp; TREE NUTS</t>
  </si>
  <si>
    <t>This group includes establishments (e.g., farms, orchards, greenhouses, nurseries) primarily engaged in the production of berries, grapes, tree nuts, and citrus fruits.</t>
  </si>
  <si>
    <t>A0180</t>
  </si>
  <si>
    <t>HORTICULTURAL SPECIALTIES</t>
  </si>
  <si>
    <t>Establishments primarily engaged in the production of ornamental plants and other nursery products, such as bulbs, florists' greens, flowers, shrubbery, flower and vegetable seeds and plants, and sod.  These products may be grown under cover (greenhouse, frame, cloth house, lath house) or outdoors.</t>
  </si>
  <si>
    <t>A0190</t>
  </si>
  <si>
    <t>GENERAL FARMS, PRIMARILY CROP</t>
  </si>
  <si>
    <t>AGRICULTRAL PRODUCTION LIVESTOCK</t>
  </si>
  <si>
    <t>A0210</t>
  </si>
  <si>
    <t>LIVESTOCK, EXCEPT DAIRY AND POULTRY</t>
  </si>
  <si>
    <t>This major group includes establishments primarily engaged in the keeping, grazing, or feeding of beef cattle, hogs, sheep and goats.</t>
  </si>
  <si>
    <t>A0240</t>
  </si>
  <si>
    <t>DAIRY FARMS</t>
  </si>
  <si>
    <t xml:space="preserve">This industry comprises establishments primarily engaged in milking dairy cattle. </t>
  </si>
  <si>
    <t>A0250</t>
  </si>
  <si>
    <t>POULTRY &amp; EGGS</t>
  </si>
  <si>
    <t>This major group includes establishments primarily engaged in the keeping, grazing, or feeding of chicken and chicken eggs, turkey and turkey eggs.</t>
  </si>
  <si>
    <t>A0270</t>
  </si>
  <si>
    <t>ANIMAL SPECIALTIES</t>
  </si>
  <si>
    <t>This major group includes establishments primarily engaged in the keeping fur-bearing animals, rabbits, and horses.</t>
  </si>
  <si>
    <t>A0290</t>
  </si>
  <si>
    <t>GENERAL FARMS, PRIMARILY ANIMAL</t>
  </si>
  <si>
    <t>Establishments deriving 50 percent or more of their total value of sales of agricultural products from livestock and animal specialties and their products, but less than 50 percent from products of any single three-digit industry group.</t>
  </si>
  <si>
    <t>AGRICULTRAL SERVICES</t>
  </si>
  <si>
    <t>A0710</t>
  </si>
  <si>
    <t>SOIL PREPARATION SERVICES</t>
  </si>
  <si>
    <t>Establishments primarily engaged in land breaking, plowing, application of fertilizer, seed bed preparation, and other services for improving the soil for crop planting.</t>
  </si>
  <si>
    <t>A0720</t>
  </si>
  <si>
    <t>CROP SERVICES</t>
  </si>
  <si>
    <t>Establishments primarily engaged in crop planting, cultivating, protecting, and harvesting.</t>
  </si>
  <si>
    <t>A0740</t>
  </si>
  <si>
    <t>VETERINARY SERVICES</t>
  </si>
  <si>
    <t>Establishments of licensed practitioners primarily engaged in the practice of veterinary medicine, dentistry, or surgery, for animal specialties.  Animal specialties include horses, bees, fish, fur-bearing animals, rabbits, dogs, cats, and other pets and birds</t>
  </si>
  <si>
    <t>A0750</t>
  </si>
  <si>
    <t>ANIMAL SERVICES, EXCEPT VETERINARY</t>
  </si>
  <si>
    <t>Establishments primarily engaged in performing services, except veterinary, for cattle, hogs, sheep, goats, and poultry.  Dairy herd improvement associations are also included in this industry.</t>
  </si>
  <si>
    <t>A0751</t>
  </si>
  <si>
    <t>ANIMAL CONTROL</t>
  </si>
  <si>
    <t>A0760</t>
  </si>
  <si>
    <t>FARM LABOR &amp; MANAGEMENT SERVICES</t>
  </si>
  <si>
    <t>A0780</t>
  </si>
  <si>
    <t>LANDSCAPE &amp; HORTICULTURAL SERVICES</t>
  </si>
  <si>
    <t>Establishments primarily engaged in performing landscape counseling and planning, lawn and gardening services, and ornamental shrub and tree services.</t>
  </si>
  <si>
    <t>A0781</t>
  </si>
  <si>
    <t>LANDSCAPE, TREE SERVICES</t>
  </si>
  <si>
    <t xml:space="preserve">Establishments primarily engaged in performing tree and shrub removal services </t>
  </si>
  <si>
    <t>FORESTRY</t>
  </si>
  <si>
    <t>A0810</t>
  </si>
  <si>
    <t>TIMBER TRACTS</t>
  </si>
  <si>
    <t>Establishments primarily engaged in the operation of timber tracts or tree farms for the purpose of selling standing timber.</t>
  </si>
  <si>
    <t>A0830</t>
  </si>
  <si>
    <t>FOREST PRODUCTS</t>
  </si>
  <si>
    <t>Establishments primarily engaged in gathering of gums, barks, balsam needles, maple sap, Spanish moss, and other forest products.</t>
  </si>
  <si>
    <t>A0850</t>
  </si>
  <si>
    <t>FORESTRY SERVICES</t>
  </si>
  <si>
    <t>Establishments primarily engaged in performing reforestation services</t>
  </si>
  <si>
    <t>FISHING, HUNTING AND TRAPPING</t>
  </si>
  <si>
    <t>A0910</t>
  </si>
  <si>
    <t>COMMERICAL FISHING</t>
  </si>
  <si>
    <t xml:space="preserve">This U.S. industry comprises establishments primarily engaged in the commercial catching or taking of finfish (e.g., bluefish, salmon, trout, tuna) from their natural habitat. </t>
  </si>
  <si>
    <t>A0920</t>
  </si>
  <si>
    <t>FISH HATCHERIES &amp; PRESERVES</t>
  </si>
  <si>
    <t>A0970</t>
  </si>
  <si>
    <t>HUNTING, TRAPPING, GAME PROPAGATION</t>
  </si>
  <si>
    <t>Establishments primarily engaged in commercial hunting and trapping, and in game propagation.</t>
  </si>
  <si>
    <t>METAL MINING</t>
  </si>
  <si>
    <t>B1010</t>
  </si>
  <si>
    <t>IRON ORES</t>
  </si>
  <si>
    <t>Establishments primarily engaged in mining, beneficiating, or otherwise preparing iron ores and manganiferous ores valued chiefly for their iron content.  This industry includes production of sinter and other agglomerates except those associated with blast furnace operations.</t>
  </si>
  <si>
    <t>B1020</t>
  </si>
  <si>
    <t>COPPER ORES</t>
  </si>
  <si>
    <t>Establishments primarily engaged in mining, milling, or otherwise preparing copper ores.  This industry also includes establishments primarily engaged in the recovery of copper concentrates by precipitation and leaching of copper ore.</t>
  </si>
  <si>
    <t>B1030</t>
  </si>
  <si>
    <t>LEAD &amp; ZINC ORES</t>
  </si>
  <si>
    <t>Establishments primarily engaged in mining, milling, or otherwise preparing lead ores, zinc ores, or lead-zinc ores.</t>
  </si>
  <si>
    <t>B1040</t>
  </si>
  <si>
    <t>GOLD &amp; SILVER ORES</t>
  </si>
  <si>
    <t>Establishments primarily engaged in mining gold ores from lode deposits or in the recovery of gold from placer deposits by any method.  In addition to ore dressing methods such as crushing, grinding, gravity concentration, and froth flotation, this industry includes amalgamation, cyanidation, and the production of bullion at the mine, mill, or dredge site. Establishments primarily engaged in mining, milling, or otherwise preparing silver ores.  The production of bullion at the mine or mill site is included.</t>
  </si>
  <si>
    <t>B1060</t>
  </si>
  <si>
    <t>FERROALLOY ARES, EXCEPT VANADIUM</t>
  </si>
  <si>
    <t>Establishments primarily engaged in mining, milling, or otherwise preparing ferroalloy ores, except vanadium.</t>
  </si>
  <si>
    <t>212299 – All Other Metal Ore Mining</t>
  </si>
  <si>
    <t>B1080</t>
  </si>
  <si>
    <t>METAL MINING SERVICES</t>
  </si>
  <si>
    <t>Establishments primarily engaged in performing metal mining services for others on a contract or fee basis, such as the removal of overburden, strip mining for metallic ores, prospect and test drilling, and mine exploration and development.  Establishments which have complete responsibility for operating mines for others on a contract or fee basis are classified according to the product mined rather than as metal mining services.</t>
  </si>
  <si>
    <t>Surveyors License-Board for Professional Engineers, Land Surveyors and  Geologists</t>
  </si>
  <si>
    <t>B1090</t>
  </si>
  <si>
    <t>MISC METAL ORES</t>
  </si>
  <si>
    <t>Establishments primarily engaged in mining, milling, or otherwise preparing uranium-radium-vanadium ores.</t>
  </si>
  <si>
    <t>COAL MINING</t>
  </si>
  <si>
    <t>B1220</t>
  </si>
  <si>
    <t>BITUMINOUS COAL &amp; LIGNITE MINING</t>
  </si>
  <si>
    <t>Establishments primarily engaged in producing bituminous coal or lignite at surface mines or in developing bituminous coal or lignite surface mines.  This industry includes auger mining, strip mining, culm bank mining, and other surface mining, by owners or lessees or by establishments which have complete responsibility for operating bituminous coal and lignite surface mines for others on a contract or fee basis.  Bituminous coal and lignite preparation plants performing such activities as cleaning, crushing, screening or sizing are included if operated in conjunction with a mine site, or if operated independently of any type of mine. Establishments primarily engaged in producing bituminous coal in underground mines or in developing bituminous coal underground mines.  This industry includes underground mining by owners or lessees or by establishments which have complete responsibility for operating bituminous coal underground mines for others on a contract or fee basis.</t>
  </si>
  <si>
    <t>B1230</t>
  </si>
  <si>
    <t>ANTHRACITE MINING</t>
  </si>
  <si>
    <t>B1240</t>
  </si>
  <si>
    <t>COAL MINING SERVICES</t>
  </si>
  <si>
    <t xml:space="preserve">This U.S. industry comprises establishments primarily engaged in one or more of the following: (1) surface mining of bituminous coal and lignite; (2) developing bituminous coal and lignite surface mine sites; (3) surface mining and beneficiating (e.g., cleaning. washing, screening, and sizing coal) of bituminous coal; or (4) beneficiating (e.g., cleaning, washing, screening, and sizing coal), but not mining, bituminous coal. </t>
  </si>
  <si>
    <t>213113 – Support Activities for Coal Mining</t>
  </si>
  <si>
    <t>OIL AND GAS EXTRACTION</t>
  </si>
  <si>
    <t>B1310</t>
  </si>
  <si>
    <t>CRUDE PETROLEUM &amp; NATURAL GAS</t>
  </si>
  <si>
    <t>Establishments primarily engaged in operating oil and gas field properties.  Such activities may include exploration for crude petroleum and natural gas; drilling, completing, and equipping wells; operation of separators, emulsion breakers, desilting equipment, and field gathering lines for crude petroleum; and all other activities in the preparation of oil and gas up to the point of shipment from the producing property.  This industry includes the production of oil through the mining and extraction of oil from oil shale and oil sands and the production of gas and hydrocarbon liquids through gasification, liquefaction, and pyrolysis of coal at the mine site.  Also included are establishments which have complete responsibility for operating oil and gas wells for others on a contract or fee basis.</t>
  </si>
  <si>
    <t>B1320</t>
  </si>
  <si>
    <t>NATURAL GAS LIQUIDS</t>
  </si>
  <si>
    <t>Establishments primarily engaged in producing liquid hydrocarbons from oil and gas field gases.</t>
  </si>
  <si>
    <t>B1380</t>
  </si>
  <si>
    <t>OIL &amp; GAS FIELD SERVICES</t>
  </si>
  <si>
    <t>NONMETALLIC MINERALS, EXCEPT FUELS</t>
  </si>
  <si>
    <t>B1410</t>
  </si>
  <si>
    <t>DIMENSION STONE</t>
  </si>
  <si>
    <t>212311 – Dimension Stone Mining and Quarrying</t>
  </si>
  <si>
    <t>B1420</t>
  </si>
  <si>
    <t>CRUSHED &amp; BROKEN STONE</t>
  </si>
  <si>
    <t>212312 – Crushed and Broken Limestone Mining and Quarrying</t>
  </si>
  <si>
    <t>212313 – Crushed and Broken Granite Mining and Quarrying</t>
  </si>
  <si>
    <t>212319 – Other Crushed and Broken Stone Mining and Quarrying</t>
  </si>
  <si>
    <t>B1440</t>
  </si>
  <si>
    <t>SAND &amp; GRAVEL</t>
  </si>
  <si>
    <t>Establishments primarily engaged in mining construction and industrial sand and gravel.</t>
  </si>
  <si>
    <t>212321 – Construction Sand and Gravel Mining</t>
  </si>
  <si>
    <t>212322 – Industrial Sand Mining</t>
  </si>
  <si>
    <t>B1450</t>
  </si>
  <si>
    <t>CLAY, CERAMIC, &amp; REFRACTORY MINERALS</t>
  </si>
  <si>
    <t>212324 – Kaolin and Ball Clay Mining</t>
  </si>
  <si>
    <t>212391 – Clay and Ceramic and Refractory Mining</t>
  </si>
  <si>
    <t>B1470</t>
  </si>
  <si>
    <t>CHEMICAL &amp; FERTILIZER MINERALS</t>
  </si>
  <si>
    <t>Establishments primarily engaged in mining potash, soda, and borate minerals</t>
  </si>
  <si>
    <t>212392 – Potash, Soda, and Borate Mineral Mining</t>
  </si>
  <si>
    <t>B1480</t>
  </si>
  <si>
    <t>NONMETALLIC MINERALS SERVICES</t>
  </si>
  <si>
    <t>B1490</t>
  </si>
  <si>
    <t>MISC NONMETALLIC MINERALS</t>
  </si>
  <si>
    <t>Establishments primarily engaged in mining, quarrying, milling, or otherwise preparing nonmetallic minerals, except fuels.  This industry includes the shaping of natural abrasive stones at the quarry.</t>
  </si>
  <si>
    <t>212399 – All Other Nonmetallic Mineral Mining</t>
  </si>
  <si>
    <t>HIGHWAY &amp; BUILDING CONSTRUCTION   SUPPLIER (49 CFR 26.55 (e)(2)(i)(ii) (A) (B)</t>
  </si>
  <si>
    <t>C0626</t>
  </si>
  <si>
    <t>EXISTING HIGHWAY FACILITIES</t>
  </si>
  <si>
    <t>CLEARING AND GRUBBING</t>
  </si>
  <si>
    <t>WATERING</t>
  </si>
  <si>
    <t>EARTHWORK</t>
  </si>
  <si>
    <t>EROSION CONTROL &amp; HIGHWAY PLANTING</t>
  </si>
  <si>
    <t> C2066</t>
  </si>
  <si>
    <t>AGGREGATE BASE</t>
  </si>
  <si>
    <t>LEAN CONCRETE BASE</t>
  </si>
  <si>
    <t>PENETRATION TREATMENT</t>
  </si>
  <si>
    <t>BITUMINOUS SEAL</t>
  </si>
  <si>
    <t>PORTLAND CEMENT CONCRETE PAVEMENT</t>
  </si>
  <si>
    <t>GROOVE AND GRIND PAVEMENT</t>
  </si>
  <si>
    <t>PILING</t>
  </si>
  <si>
    <t>PRESTRESSING CONCRETE</t>
  </si>
  <si>
    <t xml:space="preserve">CONCRETE STRUCTURE </t>
  </si>
  <si>
    <t>REINFORCEMENT</t>
  </si>
  <si>
    <t>STEEL STRUCTURE</t>
  </si>
  <si>
    <t>SIGNS</t>
  </si>
  <si>
    <t>TIMBER</t>
  </si>
  <si>
    <t>PAINTING</t>
  </si>
  <si>
    <t>RAILROAD</t>
  </si>
  <si>
    <t>ASEST--CEMENT PIPE</t>
  </si>
  <si>
    <t>CORRUGATED STEEL PIPE (CSP)</t>
  </si>
  <si>
    <t>STRUCTURAL METAL PLATE PIPI, ARCH &amp; PIPE ARCH</t>
  </si>
  <si>
    <t>MISCELLANEOUS FACILITY</t>
  </si>
  <si>
    <t>SEWER</t>
  </si>
  <si>
    <t>SLOPE PROTECTION</t>
  </si>
  <si>
    <t xml:space="preserve">CONCRETE CURB AND SIDEWALK </t>
  </si>
  <si>
    <t>PUMPING PLANT EQUIPMENT</t>
  </si>
  <si>
    <t>MISCELLANEOUS METAL</t>
  </si>
  <si>
    <t>WELL</t>
  </si>
  <si>
    <t>FENCE</t>
  </si>
  <si>
    <t> C8100</t>
  </si>
  <si>
    <t>MONUMENTS</t>
  </si>
  <si>
    <t>MARKERS AND DELINEATORS</t>
  </si>
  <si>
    <t>RAILING AND BARRIER</t>
  </si>
  <si>
    <t>TRAFFIC STRIPES AND PAVEMENT MARKING</t>
  </si>
  <si>
    <t>PAVEMENT MARKER</t>
  </si>
  <si>
    <t>SIGNAL AND LIGHTING</t>
  </si>
  <si>
    <t>C-10 Electrical Contractor- CSLB</t>
  </si>
  <si>
    <t>CONSULTANTS, ARCHITECTS &amp; ENGINEERS</t>
  </si>
  <si>
    <t>C8731</t>
  </si>
  <si>
    <t xml:space="preserve">This industry comprises establishments primarily engaged in providing building inspection services. These establishments typically evaluate all aspects of the building structure and component systems and prepare a report on the physical condition of the property, generally for buyers or others involved in real estate transactions. Building inspection bureaus and establishments providing home inspection services are included in this industry. </t>
  </si>
  <si>
    <t xml:space="preserve">No License Required, However CLSB “B”, or other certifications available in the field may suffice. </t>
  </si>
  <si>
    <t>541350 – Building Inspection Services</t>
  </si>
  <si>
    <t>The source of most outdoor noise is construction and transportation systems, including motor vehicle, aircraft  and rail noise. Revolves around the generation, propagation and reception of mechanical waves and vibrations.</t>
  </si>
  <si>
    <t>ENVIRONMENTAL – AR QUALITY</t>
  </si>
  <si>
    <t>MISCELLANEOUS RAIL CAR</t>
  </si>
  <si>
    <t>TRUCKING</t>
  </si>
  <si>
    <t xml:space="preserve">BUILDING CONSTRUCTION </t>
  </si>
  <si>
    <t>C-10 Electrical Contractor - CSLB</t>
  </si>
  <si>
    <t>MISCELLANEOUS CONSTRUCTION SERVICES</t>
  </si>
  <si>
    <t>FOOD AND KINDRED PRODUCTS</t>
  </si>
  <si>
    <t>D2010</t>
  </si>
  <si>
    <t>MEAT PRODUCTS</t>
  </si>
  <si>
    <t>Establishments primarily engaged in the slaughtering, for their own account or on a contract basis for the trade, of cattle, hogs, sheep, lambs, and calves for meat to be sold or to be used on the same premises in canning, cooking, curing, and freezing, and in making sausage, lard, and other products.</t>
  </si>
  <si>
    <t>311611 - Animal (except Poultry) Slaughtering</t>
  </si>
  <si>
    <t>311612 - Meat Processed from Carcasses</t>
  </si>
  <si>
    <t>311613 - Rendering and Meat Byproduct Processing</t>
  </si>
  <si>
    <t>311615 - Poultry Processing</t>
  </si>
  <si>
    <t>311999 - All Other Miscellaneous Food Manufacturing</t>
  </si>
  <si>
    <t>D2020</t>
  </si>
  <si>
    <t>DAIRY PRODUCTS</t>
  </si>
  <si>
    <t>Establishments primarily engaged in manufacturing dry, condensed, and evaporated dairy products.  Included in this industry are establishments primarily engaged in manufacturing mixes for the preparation of frozen ice cream and ice milk and dairy and nondairy base cream substitutes and dietary supplements</t>
  </si>
  <si>
    <t>311512 - Creamery Butter Manufacturing</t>
  </si>
  <si>
    <t>311513 - Cheese Manufacturing</t>
  </si>
  <si>
    <t>311511 - Fluid Milk Manufacturing</t>
  </si>
  <si>
    <t>311514 - Dry, Condensed, and Evaporated Dairy Product Manufacturing</t>
  </si>
  <si>
    <t>311520 - Ice Cream and Frozen Dessert Manufacturing</t>
  </si>
  <si>
    <t>D2030</t>
  </si>
  <si>
    <t>PRESERVED FRUITS &amp; VEGETABLES</t>
  </si>
  <si>
    <t>Establishments primarily engaged in canning fruits, vegetables, and fruit and vegetable juices; and in manufacturing catsup and similar tomato sauces, or natural and imitation preserves, jams, and jellies.</t>
  </si>
  <si>
    <t>311422 - Specialty Canning</t>
  </si>
  <si>
    <t>311421 - Fruit and Vegetable Canning</t>
  </si>
  <si>
    <t>311211 - Flour Milling</t>
  </si>
  <si>
    <t>311423 - Dried and Dehydrated Food Manufacturing</t>
  </si>
  <si>
    <t>311941 - Mayonnaise, Dressing, and Other Prepared Sauce Manufacturing</t>
  </si>
  <si>
    <t>311411 - Frozen Fruit, Juice, and Vegetable Manufacturing</t>
  </si>
  <si>
    <t>311412 - Frozen Specialty Food Manufacturing</t>
  </si>
  <si>
    <t>D2040</t>
  </si>
  <si>
    <t>GRAIN MILL PRODUCTS</t>
  </si>
  <si>
    <t xml:space="preserve">This U.S. industry comprises establishments primarily engaged in (1) milling flour or meal from grains (except rice) or vegetables and/or (2) milling flour and preparing flour mixes or doughs. </t>
  </si>
  <si>
    <t>311230 - Breakfast Cereal Manufacturing</t>
  </si>
  <si>
    <t>311920 - Coffee and Tea Manufacturing</t>
  </si>
  <si>
    <t>311212 - Rice Milling</t>
  </si>
  <si>
    <t>311221 - Wet Corn Milling</t>
  </si>
  <si>
    <t>311225 - Fats and Oils Refining and Blending</t>
  </si>
  <si>
    <t>311111 - Dog and Cat Food Manufacturing</t>
  </si>
  <si>
    <t>311119 - Other Animal Food Manufacturing</t>
  </si>
  <si>
    <t>D2050</t>
  </si>
  <si>
    <t>BAKERY PRODUCTS</t>
  </si>
  <si>
    <t>This U.S. industry comprises establishments primarily engaged in manufacturing fresh and frozen bread and bread-type rolls and other fresh bakery (except cookies and crackers) products.</t>
  </si>
  <si>
    <t>311812 - Commercial Bakeries</t>
  </si>
  <si>
    <t>311821 - Cookie and Cracker Manufacturing</t>
  </si>
  <si>
    <t>311919 - Other Snack Food Manufacturing</t>
  </si>
  <si>
    <t>311813 - Frozen Cakes, Pies, and Other Pastries Manufacturing</t>
  </si>
  <si>
    <t>D2060</t>
  </si>
  <si>
    <t>SUGAR &amp; CONFECTIONERY PRODUCTS</t>
  </si>
  <si>
    <t>Establishments primarily engaged in refining purchased raw cane sugar and sugar syrup.</t>
  </si>
  <si>
    <t>311340 - Nonchocolate Confectionery Manufacturing</t>
  </si>
  <si>
    <t>from Purchased  Chocolate</t>
  </si>
  <si>
    <t>311911 - Roasted Nuts and Peanut Butter Manufacturing</t>
  </si>
  <si>
    <t>D2070</t>
  </si>
  <si>
    <t>FATS &amp; OILS</t>
  </si>
  <si>
    <t>Establishments primarily engaged in manufacturing plant and animal oils, including fish oil and other marine animal oils.</t>
  </si>
  <si>
    <t>311942 - Spice and Extract Manufacturing</t>
  </si>
  <si>
    <t>D2080</t>
  </si>
  <si>
    <t>BEVERAGES</t>
  </si>
  <si>
    <t>This U.S. industry comprises establishments primarily engaged in manufacturing soft drinks and artificially carbonated waters.</t>
  </si>
  <si>
    <t>312120 - Breweries</t>
  </si>
  <si>
    <t>311213 - Malt Manufacturing</t>
  </si>
  <si>
    <t>312130 - Wineries</t>
  </si>
  <si>
    <t>312140 - Distilleries</t>
  </si>
  <si>
    <t>312111 - Soft Drink Manufacturing</t>
  </si>
  <si>
    <t>312112 - Bottled Water Manufacturing</t>
  </si>
  <si>
    <t>D2090</t>
  </si>
  <si>
    <t>MISC FOOD &amp; KINDRED PRODUCTS</t>
  </si>
  <si>
    <t>Establishments primarily engaged in manufacturing prepared foods and miscellaneous food specialties, not elsewhere classified, such as baking powder, yeast, and other leavening compounds; peanut butter; packaged tea, including instant; ground spices; and vinegar and cider.  Also included in this industry are establishments primarily engaged in manufacturing dry preparations, except flour mixes, consisting of pasta, rice, potatoes, textured vegetable protein, and similar products which are packaged with other ingredients to be prepared and cooked by the consumer.</t>
  </si>
  <si>
    <t>311930 - Flavoring Syrup and Concentrate Manufacturing</t>
  </si>
  <si>
    <t>312113 - Ice Manufacturing</t>
  </si>
  <si>
    <t>111998 - All Other Miscellaneous Crop Farming</t>
  </si>
  <si>
    <t>311830 - Tortilla Manufacturing</t>
  </si>
  <si>
    <t>311991 - Perishable Prepared Food Manufacturing</t>
  </si>
  <si>
    <t>TOBACCO PRODUCTS</t>
  </si>
  <si>
    <t>D2110</t>
  </si>
  <si>
    <t>CIGARETTES</t>
  </si>
  <si>
    <t>Establishments primarily engaged in manufacturing cigarettes from tobacco or other materials.</t>
  </si>
  <si>
    <t>D2120</t>
  </si>
  <si>
    <t>CIGARS</t>
  </si>
  <si>
    <t>Establishments primarily engaged in manufacturing cigars.</t>
  </si>
  <si>
    <t>D2130</t>
  </si>
  <si>
    <t>CHEWING &amp; SMOKING TOBACCO</t>
  </si>
  <si>
    <t>Establishments primarily engaged in manufacturing chewing and smoking tobacco.</t>
  </si>
  <si>
    <t>D2140</t>
  </si>
  <si>
    <t>TOBACCO STEMMING &amp; REDRYING</t>
  </si>
  <si>
    <t>Establishments primarily engaged in the stemming and redrying of tobacco or in manufacturing reconstituted tobacco.</t>
  </si>
  <si>
    <t>TEXTILE MILL PRODUCTS</t>
  </si>
  <si>
    <t>D2210</t>
  </si>
  <si>
    <t>BROADWOVEN FABRIC MILLS, COTTON</t>
  </si>
  <si>
    <t>Establishments primarily engaged in weaving fabrics more than 12 inches (30.48 centimeters) in width, wholly or chiefly by weight of cotton.</t>
  </si>
  <si>
    <t>313210 - Broadwoven Fabric Mills</t>
  </si>
  <si>
    <t>D2220</t>
  </si>
  <si>
    <t>BROADWOVEN FABRIC MILLS, MANMADE</t>
  </si>
  <si>
    <t>D2230</t>
  </si>
  <si>
    <t>BROADWOVEN FABRIC MILLS, WOOL</t>
  </si>
  <si>
    <t>D2240</t>
  </si>
  <si>
    <t>NARROW FABRIC MILLS</t>
  </si>
  <si>
    <t>D2250</t>
  </si>
  <si>
    <t>KNITTING MILLS</t>
  </si>
  <si>
    <t>This industry group includes three types of organizations which operate in the knitting mill industry:  (1) the integrated mill which purchases materials, produces textiles and related articles within the establishment, and sells the finished products; (2) the contract or commission mill which processes materials owned by others; and (3) establishments commonly known as jobbers or converters of knit goods which perform the entrepreneurial functions of a manufacturing company, such as buying the raw material, designing and preparing samples, and assigning yarns to others for knitting products on their account.</t>
  </si>
  <si>
    <t>D2260</t>
  </si>
  <si>
    <t>TEXTILE FINISHING, EXCEPT WOOL</t>
  </si>
  <si>
    <t>Establishments primarily engaged in dyeing and finishing textiles, except wool</t>
  </si>
  <si>
    <t>D2270</t>
  </si>
  <si>
    <t>CARPETS &amp; RUGS</t>
  </si>
  <si>
    <t>Establishments primarily engaged in manufacturing woven, tufted, and other carpets and rugs, such as art squares, floor mattings, needle punch carpeting, and door mats and mattings, from textile materials or from twisted paper, grasses, reeds, coir, sisal, jute, or rags.</t>
  </si>
  <si>
    <t>314110 - Carpet and Rug Mills</t>
  </si>
  <si>
    <t>D2280</t>
  </si>
  <si>
    <t>YARN &amp; THREAD MILLS</t>
  </si>
  <si>
    <t>313320 - Fabric Coating Mills</t>
  </si>
  <si>
    <t>313230 - Nonwoven Fabric Mills</t>
  </si>
  <si>
    <t>D2290</t>
  </si>
  <si>
    <t>MISC TEXTILE GOODS</t>
  </si>
  <si>
    <t>Establishments primarily engaged in manufacturing textile goods, not elsewhere classified, including linen goods, jute goods, felt goods, padding and upholstery filling and processed waste and recovered fibers and flock.  Establishments primarily engaged in processing textile fibers to prepare them for spinning, such as wool scouring and carbonizing and combing and converting tow to top, are also classified here</t>
  </si>
  <si>
    <t>314999 - All Other Miscellaneous Textile Product Mills</t>
  </si>
  <si>
    <t>APPAREL AND OTHER TEXTILE PRODUCTS</t>
  </si>
  <si>
    <t>D2310</t>
  </si>
  <si>
    <t>MEN’S AND BOYS’ SUITS &amp; COATS</t>
  </si>
  <si>
    <t>Establishments primarily engaged in manufacturing men's and boys' tailored suits, coats, and overcoats from purchased woven or knit fabrics.  Establishments primarily engaged in manufacturing uniforms (except athletic and work uniforms) are also included in this industry.</t>
  </si>
  <si>
    <t>D2320</t>
  </si>
  <si>
    <t>MEN’S &amp; BOYS’ FURNISHINGS</t>
  </si>
  <si>
    <t>D2330</t>
  </si>
  <si>
    <t>WOMEN’S &amp; MISSES’ OUTERWEAR</t>
  </si>
  <si>
    <t>D2340</t>
  </si>
  <si>
    <t>WOMEN’S &amp; CHILDREN’S UNDERGARMENTS</t>
  </si>
  <si>
    <t>D2350</t>
  </si>
  <si>
    <t>HATS, CAPS, &amp; MILLINERY</t>
  </si>
  <si>
    <t>D2360</t>
  </si>
  <si>
    <t>GIRLS’ &amp; CHILDREN’S OUTERWEAR</t>
  </si>
  <si>
    <t>D2380</t>
  </si>
  <si>
    <t>MISC APPAREL &amp; ACCESSORIES</t>
  </si>
  <si>
    <t>Establishments primarily engaged in manufacturing suspenders, garters, handkerchiefs, and other apparel, not elsewhere classified, such as academic caps and gowns, vestments, and theatrical costumes.  Also included are establishments primarily engaged in manufacturing clothing by cutting and joining (for example, by adhesives) materials such as paper and nonwoven textiles.</t>
  </si>
  <si>
    <t>D2390</t>
  </si>
  <si>
    <t>MISC FABRICATED TEXTILE PRODUCTS</t>
  </si>
  <si>
    <t>Establishments primarily engaged in manufacturing fabricated textile products, not elsewhere classified.</t>
  </si>
  <si>
    <t>339994 - Broom, Brush, and Mop Manufacturing</t>
  </si>
  <si>
    <t>323113 - Commercial Screen Printing</t>
  </si>
  <si>
    <t>336360 - Motor Vehicle Seating and Interior Trim Manufacturing</t>
  </si>
  <si>
    <t>LUMBER AND WOOD PRODUCTS</t>
  </si>
  <si>
    <t>D2410</t>
  </si>
  <si>
    <t>LOGGING</t>
  </si>
  <si>
    <t>Establishments primarily engaged in cutting timber and in producing rough, round, hewn, or riven primary forest or wood raw materials, or in producing wood chips in the field.  Independent contractors engaged in estimating or trucking timber, but who perform no cutting operations, are classified in nonmanufacturing industries.</t>
  </si>
  <si>
    <t>113310 - Logging</t>
  </si>
  <si>
    <t>D2420</t>
  </si>
  <si>
    <t>SAWMILLS &amp; PLANING MILLS</t>
  </si>
  <si>
    <t>Establishments primarily engaged in sawing rough lumber and timber from logs and bolts, or resawing cants and flitches into lumber, including box lumber and softwood cut stock; planing mills combined with sawmills; and separately operated planing mills which are engaged primarily in producing surfaced lumber and standard workings or patterns of lumber.  This industry includes establishments primarily engaged in sawing lath and railroad ties and in producing tobacco hogshead stock, wood chips, and snow fence lath.</t>
  </si>
  <si>
    <t>321113 - Sawmills</t>
  </si>
  <si>
    <t>321912 - Cut Stock, Resawing Lumber, and Planing</t>
  </si>
  <si>
    <t>321918 - Other Millwork (including Flooring )</t>
  </si>
  <si>
    <t>321920 - Wood Container and Pallet Manufacturing</t>
  </si>
  <si>
    <t>321999 - All Other Miscellaneous Wood Product Manufacturing</t>
  </si>
  <si>
    <t>337215 - Showcase, Partition, Shelving, and Locker Manufacturing</t>
  </si>
  <si>
    <t>D2430</t>
  </si>
  <si>
    <t>MILLWORK, PLYWOOD &amp; STRUCTURAL MEMBERS</t>
  </si>
  <si>
    <t>Establishments primarily engaged in manufacturing fabricated wood millwork, including wood millwork covered with materials such as metal and plastics.</t>
  </si>
  <si>
    <t>321911 - Wood Window and Door Manufacturing</t>
  </si>
  <si>
    <t>337110 - Wood Kitchen Cabinet and Countertop Manufacturing</t>
  </si>
  <si>
    <t>321211 - Hardwood Veneer and Plywood Manufacturing</t>
  </si>
  <si>
    <t>321212 - Softwood Veneer and Plywood Manufacturing</t>
  </si>
  <si>
    <t>321213 - Engineered Wood Member (except Truss) Manufacturing</t>
  </si>
  <si>
    <t>321214 - Truss Manufacturing</t>
  </si>
  <si>
    <t>D2440</t>
  </si>
  <si>
    <t>WOOD CONTAINERS</t>
  </si>
  <si>
    <t>Establishments primarily engaged in manufacturing wood or wood and metal combination pallets and skids.</t>
  </si>
  <si>
    <t>D2450</t>
  </si>
  <si>
    <t>WOOD BUILDING &amp; MOBILE HOMES</t>
  </si>
  <si>
    <t>Establishments primarily engaged in manufacturing prefabricated wood buildings, sections, and panels.</t>
  </si>
  <si>
    <t>321991 - Manufactured Home (Mobile Home) Manufacturing</t>
  </si>
  <si>
    <t>321992 - Prefabricated Wood Building Manufacturing</t>
  </si>
  <si>
    <t>D2490</t>
  </si>
  <si>
    <t>MISC WOOD PRODUCTS</t>
  </si>
  <si>
    <t>321114 - Wood Preservation</t>
  </si>
  <si>
    <t>321219 - Reconstituted Wood Product Manufacturing</t>
  </si>
  <si>
    <t>FURNITURE AND FIXTURES</t>
  </si>
  <si>
    <t>D2510</t>
  </si>
  <si>
    <t>HOUSEHOLD FURNITURE</t>
  </si>
  <si>
    <t>Establishments primarily engaged in manufacturing wood household furniture commonly used in dwellings.  This industry also includes establishments manufacturing camp furniture.</t>
  </si>
  <si>
    <t>337122 - Nonupholstered Wood Household Furniture Manufacturing</t>
  </si>
  <si>
    <t>337121 - Upholstered Household Furniture Manufacturing</t>
  </si>
  <si>
    <t>337124 - Metal Household Furniture Manufacturing</t>
  </si>
  <si>
    <t>337910 - Mattress Manufacturing</t>
  </si>
  <si>
    <t>337125 - Household Furniture (except Wood and Metal) Manufacturing</t>
  </si>
  <si>
    <t>D2520</t>
  </si>
  <si>
    <t>OFFICE FURNITURE</t>
  </si>
  <si>
    <t>Establishments primarily engaged in manufacturing office furniture</t>
  </si>
  <si>
    <t>337211 - Wood Office Furniture Manufacturing</t>
  </si>
  <si>
    <t>337214 - Office Furniture (except Wood) Manufacturing</t>
  </si>
  <si>
    <t>D2530</t>
  </si>
  <si>
    <t>PUBLIC BUILDING &amp; RELATED FURNITURE</t>
  </si>
  <si>
    <t>Establishments primarily engaged in manufacturing furniture for schools, theaters, assembly halls, churches, and libraries.  Establishments primarily engaged in manufacturing seats for public conveyances, as well as seats for automobiles and aircraft, are included in this industry.</t>
  </si>
  <si>
    <t>337127 - Institutional Furniture Manufacturing</t>
  </si>
  <si>
    <t>D2540</t>
  </si>
  <si>
    <t>PARTITIONS &amp; FIXTURES</t>
  </si>
  <si>
    <t>Establishments primarily engaged in manufacturing shelving, lockers, and office and store fixtures, plastics laminated fixture tops, and related fabricated products, chiefly of wood.</t>
  </si>
  <si>
    <t>D2590</t>
  </si>
  <si>
    <t>MISC FURNITURE &amp; FIXTURES</t>
  </si>
  <si>
    <t>Establishments primarily engaged in manufacturing furniture and fixtures, not elsewhere classified, including hospital beds and furniture specially designed for use in restaurants, bars, cafeterias, bowling centers, and ships.</t>
  </si>
  <si>
    <t>PAPER AND ALLIED PRODUCTS</t>
  </si>
  <si>
    <t>D2610</t>
  </si>
  <si>
    <t>PULP MILLS</t>
  </si>
  <si>
    <t>Establishments primarily engaged in manufacturing pulp from wood or from other materials, such as rags, linters, wastepaper, and straw.  Establishments engaged in integrated logging and pulp mill operations are classified according to the primary products shipped.</t>
  </si>
  <si>
    <t>322130 - Paperboard Mills</t>
  </si>
  <si>
    <t>D2620</t>
  </si>
  <si>
    <t>PAPER MILLS</t>
  </si>
  <si>
    <t>Establishments primarily engaged in manufacturing paper from wood pulp and other fiber pulp, and which may also manufacture converted paper products.  Establishments primarily engaged in integrated operations of producing pulp and manufacturing paper are included in this industry if primarily shipping paper or paper products.</t>
  </si>
  <si>
    <t>D2630</t>
  </si>
  <si>
    <t>PAPERBOARD MILLS</t>
  </si>
  <si>
    <t>Establishments primarily engaged in manufacturing paperboard, including paperboard coated on the paperboard machine, from wood pulp and other fiber pulp; and which may also manufacture converted paperboard products.  Establishments primarily engaged in integrated operations of producing pulp and manufacturing paperboard are included in this industry if primarily shipping paperboard or paperboard products.</t>
  </si>
  <si>
    <t>D2650</t>
  </si>
  <si>
    <t>PAPERBOARD CONTAINERS &amp; BOXES</t>
  </si>
  <si>
    <t>D2670</t>
  </si>
  <si>
    <t>MISC CONVERTED PAPER PRODUCTS</t>
  </si>
  <si>
    <t>Establishments primarily engaged in manufacturing miscellaneous converted paper or paperboard products, not elsewhere classified, from purchased paper or paperboard.  Also included in this industry are pressed and molded pulp goods, such as papier-mache articles, other than statuary and art goods.</t>
  </si>
  <si>
    <t>322291 - Sanitary Paper Product Manufacturing</t>
  </si>
  <si>
    <t>PRINTING AND PUBLISHING</t>
  </si>
  <si>
    <t>D2710</t>
  </si>
  <si>
    <t>NEWSPAPER</t>
  </si>
  <si>
    <t>Establishments primarily engaged in publishing newspapers, or in publishing and printing newspapers.  These establishments carry on the various operations necessary for issuing newspapers, including the gathering of news and the preparation of editorials and advertisements, but may or may not perform their own printing.  Commercial printing is frequently carried on by establishments engaged in publishing and printing newspapers, but, even though the commercial printing may be of major importance, such establishments are included in this industry.</t>
  </si>
  <si>
    <t>511110 - Newspaper Publishers</t>
  </si>
  <si>
    <t>D2720</t>
  </si>
  <si>
    <t>PERIODICALS</t>
  </si>
  <si>
    <t>Establishments primarily engaged in publishing periodicals, or in publishing and printing periodicals.  These establishments carry on the various operations necessary for issuing periodicals, but may or may not perform their own printing.</t>
  </si>
  <si>
    <t>511120 - Periodical Publishers</t>
  </si>
  <si>
    <t>D2730</t>
  </si>
  <si>
    <t>BOOKS</t>
  </si>
  <si>
    <t>Establishments primarily engaged in publishing, or in publishing and printing, books and pamphlets.</t>
  </si>
  <si>
    <t>D2740</t>
  </si>
  <si>
    <t>MISC PUBLISHING</t>
  </si>
  <si>
    <t>Establishments primarily engaged in miscellaneous publishing activities, not elsewhere classified, whether or not engaged in printing.</t>
  </si>
  <si>
    <t>512230 - Music Publishers</t>
  </si>
  <si>
    <t>D2741</t>
  </si>
  <si>
    <t>DESKTOP PUBLISHING</t>
  </si>
  <si>
    <t>519130 - Internet Publishing and Broadcasting and Web Search Portals</t>
  </si>
  <si>
    <t>D2750</t>
  </si>
  <si>
    <t>COMMERICAL PRINTING</t>
  </si>
  <si>
    <t>Establishments primarily engaged in printing by the lithographic or gravure process</t>
  </si>
  <si>
    <t>D2760</t>
  </si>
  <si>
    <t>MANIFOLD BUSINESS FORMS</t>
  </si>
  <si>
    <t>Establishments primarily engaged in designing and printing, by any process, special forms for use in the operation of a business, in single and multiple sets, including carbonized or interleaved with carbon or otherwise processed for multiple reproduction.</t>
  </si>
  <si>
    <t>D2770</t>
  </si>
  <si>
    <t>GREETING CARDS</t>
  </si>
  <si>
    <t>Establishments primarily engaged in publishing, printing by any process, or both, of greeting cards for all occasions.</t>
  </si>
  <si>
    <t>511191 - Greeting Card Publishers</t>
  </si>
  <si>
    <t>D2780</t>
  </si>
  <si>
    <t>BLANKBOOKS &amp; BOOKBINDING</t>
  </si>
  <si>
    <t>D2790</t>
  </si>
  <si>
    <t>PRINTING TRADE SERVICES</t>
  </si>
  <si>
    <t>D2795</t>
  </si>
  <si>
    <t>WORD PROCESSING</t>
  </si>
  <si>
    <t>D2796</t>
  </si>
  <si>
    <t>EDITING, WRITING</t>
  </si>
  <si>
    <t>CHEMICALS AND ALLIED PRODUCTS</t>
  </si>
  <si>
    <t>D2810</t>
  </si>
  <si>
    <t>INDUSTRIAL INORGANIC CHEMICALS</t>
  </si>
  <si>
    <t>Establishments primarily engaged in manufacturing industrial inorganic chemicals</t>
  </si>
  <si>
    <t>325120 - Industrial Gas Manufacturing</t>
  </si>
  <si>
    <t>325182 - Carbon Black Manufacturing</t>
  </si>
  <si>
    <t>325998 - All Other Miscellaneous Chemical Product and Preparation Manufacturing</t>
  </si>
  <si>
    <t>D2820</t>
  </si>
  <si>
    <t>PLASTICS MATERIALS &amp; SYNTHETICS</t>
  </si>
  <si>
    <t>Establishments primarily engaged in manufacturing synthetic resins, plastics materials, and nonvulcanizable elastomers.  Important products of this industry include:  cellulose plastics materials; phenolic and other tar acid resins; urea and melamine resins; vinyl resins; styrene resins; alkyd resins; acrylic resins; polyethylene resins; polypropylene resins; rosin modified resins; coumarone-indene and petroleum polymer resins; miscellaneous resins, including polyamide resins, silicones, polyisobutylenes, polyesters, polycarbonate resins, acetal resins, and fluorohydrocarbon resins; and casein plastics.</t>
  </si>
  <si>
    <t>325211 - Plastics Material and Resin Manufacturing</t>
  </si>
  <si>
    <t>325212 - Synthetic Rubber Manufacturing</t>
  </si>
  <si>
    <t>D2830</t>
  </si>
  <si>
    <t>DRUGS</t>
  </si>
  <si>
    <t>This group includes establishments primarily engaged in manufacturing, fabricating, or processing medicinal chemicals and pharmaceutical products.  Also included in this group are establishments primarily engaged in the grading, grinding, and milling of botanicals.</t>
  </si>
  <si>
    <t>325411 - Medicinal and Botanical Manufacturing</t>
  </si>
  <si>
    <t>325412 - Pharmaceutical Preparation  Manufacturing</t>
  </si>
  <si>
    <t>325414 - Biological Product (except Diagnostic) Manufacturing</t>
  </si>
  <si>
    <t>D2840</t>
  </si>
  <si>
    <t>SOAP, CLEANERS, &amp; TOILET GOODS</t>
  </si>
  <si>
    <t>This industry group includes establishments primarily engaged in manufacturing soap and other detergents and in producing glycerin from vegetable and animal fats and oils; specialty cleaning, polishing, and sanitation preparations; and surface active preparations used as emulsifiers, wetting agents, and finishing agents, including sulfonated oils; and perfumes, cosmetics, and other toilet preparations</t>
  </si>
  <si>
    <t>325611 - Soap and Other Detergent  Manufacturing</t>
  </si>
  <si>
    <t>325612 - Polish and Other Sanitation Good Manufacturing</t>
  </si>
  <si>
    <t>325613 - Surface Active Agent  Manufacturing</t>
  </si>
  <si>
    <t>325620 - Toilet Preparation Manufacturing</t>
  </si>
  <si>
    <t>D2850</t>
  </si>
  <si>
    <t>PAINTS &amp; ALLIED PRODUCTS</t>
  </si>
  <si>
    <t>Establishments primarily engaged in manufacturing paints (in paste and ready-mixed form); varnishes; lacquers; enamels and shellac; putties, wood fillers, and sealers; paint and varnish removers; paint brush cleaners; and allied paint products.</t>
  </si>
  <si>
    <t>325510 - Paint and Coating Manufacturing</t>
  </si>
  <si>
    <t>D2860</t>
  </si>
  <si>
    <t>INDUSTRIAL ORGANIC CHEMICALS</t>
  </si>
  <si>
    <t>Establishments primarily engaged in manufacturing industrial organic chemicals.  Important products of this group include:  (1) noncyclic organic chemicals, such as acetic, chloroacetic, adipic, formic, oxalic and tartaric acids, and their metallic salts; chloral, formaldehyde, and methylamine; (2) solvents such as amyl, butyl, and ethyl alcohols; methanol; amyl, butyl and ethyl acetates; ethyl ether, ethylene glycol ether, and diethylene glycol ether; acetone, carbon disulfide, and chlorinated solvents, such as carbon tetrachloride, perchloroethylene, and trichloroethylene; (3) polyhydric alcohols, such as ethylene glycol, sorbitol, pentaerythritol, synthetic glycerin; (4) synthetic perfume and flavoring materials, such as coumarin, methyl salicylate, saccharin, citral, citronellal, synthetic geraniol, ionone, terpineol, and synthetic vanillin; (5) rubber processing chemicals, such as accelerators and antioxidants, both cyclic and acyclic; (6) plasticizers, both cyclic and acyclic, such as esters of phosphoric acid, phthalic anhydride, adipic acid, lauric acid, oleic acid, sebacic acid, and stearic acid; (7) synthetic tanning agents, such as naphthalene sulfonic acid condensates; (8) chemical warfare gases; (9) esters, amines, etc., of polyhydric alcohols and fatty and other acids; (10) cyclic crudes and intermediates; (11) cyclic dyes and organic pigments; and (12) natural gum and wood chemicals.</t>
  </si>
  <si>
    <t>325110 - Petrochemical Manufacturing</t>
  </si>
  <si>
    <t>325193 - Ethyl Alcohol Manufacturing</t>
  </si>
  <si>
    <t>325199 - All Other Basic Organic Chemical Manufacturing</t>
  </si>
  <si>
    <t>325191 - Gum and Wood Chemical Manufacturing</t>
  </si>
  <si>
    <t>D2870</t>
  </si>
  <si>
    <t>AGRICULTURAL CHEMICALS</t>
  </si>
  <si>
    <t>This group includes establishments primarily engaged in manufacturing nitrogenous and phosphatic basic fertilizers, mixed fertilizers, pesticides, and other agricultural chemicals.</t>
  </si>
  <si>
    <t>325311 - Nitrogenous Fertilizer Manufacturing</t>
  </si>
  <si>
    <t>325312 - Phosphatic Fertilizer Manufacturing</t>
  </si>
  <si>
    <t>325314 - Fertilizer (Mixing Only) Manufacturing</t>
  </si>
  <si>
    <t>325320 - Pesticide and Other Agricultural Chemical Manufacturing</t>
  </si>
  <si>
    <t>D2890</t>
  </si>
  <si>
    <t>MISC CHEMICAL PRODUCTS</t>
  </si>
  <si>
    <t>Establishments primarily engaged in manufacturing miscellaneous chemical preparations, not elsewhere classified, such as fatty acids, essential oils, gelatin (except vegetable), sizes, bluing, laundry sours, writing and stamp pad ink, industrial compounds, such as boiler and heat insulating compounds, metal, oil, and water treating compounds, water-proofing compounds, and chemical supplies for foundries.</t>
  </si>
  <si>
    <t>325520 - Adhesive Manufacturing</t>
  </si>
  <si>
    <t>325920 - Explosives Manufacturing</t>
  </si>
  <si>
    <t>325910 - Printing Ink Manufacturing</t>
  </si>
  <si>
    <t>PETROLEUM AND COAL PRODUCTS</t>
  </si>
  <si>
    <t>D2910</t>
  </si>
  <si>
    <t>PETROLEUM REFINING</t>
  </si>
  <si>
    <t>Establishments primarily engaged in producing gasoline, kerosene, distillate fuel oils, residual fuel oils, and lubricants, through fractionation or straight distillation of crude oil, redistillation of unfinished petroleum derivatives, cracking or other processes.  Establishments of this industry also produce aliphatic and aromatic chemicals as byproducts.</t>
  </si>
  <si>
    <t>324110 - Petroleum Refineries</t>
  </si>
  <si>
    <t>D2950</t>
  </si>
  <si>
    <t>ASPHALT PAVING &amp; ROOFING MATERIALS</t>
  </si>
  <si>
    <t>This major group includes establishments primarily engaged in manufacturing paving and roofing materials</t>
  </si>
  <si>
    <t>324121 - Asphalt Paving Mixture and Block Manufacturing</t>
  </si>
  <si>
    <t>324122 - Asphalt Shingle and Coating Materials Manufacturing</t>
  </si>
  <si>
    <t>D2990</t>
  </si>
  <si>
    <t>MISC. PETROLEUM &amp; COAL PRODUCTS</t>
  </si>
  <si>
    <t>Establishments primarily engaged in manufacturing packaged fuel, powdered fuel, and other products of petroleum and coal, not elsewhere classified.</t>
  </si>
  <si>
    <t>324191 - Petroleum Lubricating Oil and Grease Manufacturing</t>
  </si>
  <si>
    <t>324199 - All Other Petroleum and Coal Products Manufacturing</t>
  </si>
  <si>
    <t xml:space="preserve">RUBBER AND MISC PLASTICS PRODUCTS </t>
  </si>
  <si>
    <t>D3010</t>
  </si>
  <si>
    <t>TIRES &amp; INNER TUBES</t>
  </si>
  <si>
    <t>Establishments primarily engaged in manufacturing pneumatic casings, inner tubes, and solid and cushion tires for all types of vehicles, airplanes, farm equipment, and children's vehicles; tiring; camelback; and tire repair and retreading materials.</t>
  </si>
  <si>
    <t>326211 - Tire Manufacturing (except Retreading)</t>
  </si>
  <si>
    <t>D4020</t>
  </si>
  <si>
    <t>RUBBER &amp; PLASTICS FOOTWEAR</t>
  </si>
  <si>
    <t>Establishments primarily engaged in manufacturing fabric upper footwear having rubber or plastics soles vulcanized, injection molded, or cemented to the uppers, and rubber and plastics protective footwear.</t>
  </si>
  <si>
    <t>D3050</t>
  </si>
  <si>
    <t>HOSE &amp; BELTING &amp; GASKETS &amp; PACKING</t>
  </si>
  <si>
    <t>Establishments primarily engaged in manufacturing rubber and plastics hose and belting, including garden hose.</t>
  </si>
  <si>
    <t>326220 - Rubber and Plastics Hoses and Belting Manufacturing</t>
  </si>
  <si>
    <t>339991 - Gasket, Packing, and Sealing Device Manufacturing</t>
  </si>
  <si>
    <t>D3060</t>
  </si>
  <si>
    <t xml:space="preserve">FABRICATED RUBBER PRODUCTS, NEC     </t>
  </si>
  <si>
    <t>Establishments primarily engaged in manufacturing industrial rubber goods, rubberized fabrics, and vulcanized rubber clothing, and miscellaneous rubber specialties and sundries, not elsewhere classified.  Included in this industry are establishments primarily engaged in reclaiming rubber and rubber articles.</t>
  </si>
  <si>
    <t>326291 - Rubber Product Manufacturing for Mechanical Use</t>
  </si>
  <si>
    <t>339113 - Surgical and Appliance and Supplies Manufacturing</t>
  </si>
  <si>
    <t>339920 - Sporting and Athletic Goods Manufacturing</t>
  </si>
  <si>
    <t>D3080</t>
  </si>
  <si>
    <t>MISC PLASTICS PRODUCTS, NEC</t>
  </si>
  <si>
    <t>Establishments primarily engaged in manufacturing plastics products, not elsewhere classified.</t>
  </si>
  <si>
    <t>326113 - Unlaminated Plastics Film and Sheet (except Packaging) Manufacturing</t>
  </si>
  <si>
    <t>326121 - Unlaminated Plastics Profile Shape Manufacturing</t>
  </si>
  <si>
    <t>326130 - Laminated Plastics Plate, Sheet (except Packaging), and Shape Manufacturing</t>
  </si>
  <si>
    <t>326122 - Plastics Pipe and Pipe Fitting Manufacturing</t>
  </si>
  <si>
    <t>326160 - Plastics Bottle Manufacturing</t>
  </si>
  <si>
    <t>326140 - Polystyrene Foam Product Manufacturing</t>
  </si>
  <si>
    <t>326150 - Urethane and Other Foam Product (except Polystyrene) Manufacturing</t>
  </si>
  <si>
    <t>325991 - Custom Compounding of Purchased Resins</t>
  </si>
  <si>
    <t>326191 - Plastics Plumbing Fixture Manufacturing</t>
  </si>
  <si>
    <t>326199 - All Other Plastics Product Manufacturing</t>
  </si>
  <si>
    <t>339113 - Surgical Appliance and Supplies Manufacturing</t>
  </si>
  <si>
    <t>LEATHER AND LEATHER PRODUCTS</t>
  </si>
  <si>
    <t>D3110</t>
  </si>
  <si>
    <t>LEATHER TANNING &amp; FINISHING</t>
  </si>
  <si>
    <t>This major group includes establishments engaged in tanning, currying, and finishing hides and skins</t>
  </si>
  <si>
    <t>316110 - Leather and Hide Tanning and Finishing</t>
  </si>
  <si>
    <t>D3130</t>
  </si>
  <si>
    <t>FOOTWEAR CUT STOCK</t>
  </si>
  <si>
    <t>D3140</t>
  </si>
  <si>
    <t>FOOTWEARM EXCEPT RUBBER</t>
  </si>
  <si>
    <t>Establishments primarily engaged in the production of shoes, such as misses', youths', boys', children's, and infants' footwear and athletic footwear.</t>
  </si>
  <si>
    <t>339993 - Fastener, Button, Needle, and Pin Manufacturing</t>
  </si>
  <si>
    <t>D3150</t>
  </si>
  <si>
    <t>LEATHER GLOVES &amp; MITTENS</t>
  </si>
  <si>
    <t>Establishments primarily engaged in manufacturing leather gloves or mittens</t>
  </si>
  <si>
    <t>D3160</t>
  </si>
  <si>
    <t>LUGGAGE</t>
  </si>
  <si>
    <t>Establishments primarily engaged in manufacturing luggage of leather or other materials.</t>
  </si>
  <si>
    <t>D3170</t>
  </si>
  <si>
    <t>HANDBAGS &amp; PERSONAL LEATHER GOODS</t>
  </si>
  <si>
    <t>Establishments primarily engaged in manufacturing handbags of leather or other materials.</t>
  </si>
  <si>
    <t>D3190</t>
  </si>
  <si>
    <t>LEATHER GOODS, NEC</t>
  </si>
  <si>
    <t>Establishments primarily engaged in manufacturing leather goods, not elsewhere classified, such as saddlery, harnesses, whips, embossed leather goods, leather desk sets, razor strops, and leather belting.</t>
  </si>
  <si>
    <t>STONE, CLAY, AND GLASS PRODUCTS</t>
  </si>
  <si>
    <t>D3210</t>
  </si>
  <si>
    <t>FLAT GLASS</t>
  </si>
  <si>
    <t>Establishments primarily engaged in manufacturing flat glass.</t>
  </si>
  <si>
    <t>327211 - Flat Glass Manufacturing</t>
  </si>
  <si>
    <t>327213 - Glass Container Manufacturing</t>
  </si>
  <si>
    <t>D3220</t>
  </si>
  <si>
    <t>GLASS &amp; GLASSWARE, PRESSED OR BLOWN</t>
  </si>
  <si>
    <t>Establishments primarily engaged in manufacturing glass containers for commercial packing and bottling, and for home canning.</t>
  </si>
  <si>
    <t>327212 - Other Pressed and Blown Glass and Glassware Manufacturing</t>
  </si>
  <si>
    <t>D3230</t>
  </si>
  <si>
    <t>PRODUCTS OF PUCHASED GLASS</t>
  </si>
  <si>
    <t>Establishments primarily engaged in manufacturing glass products from purchased glass.</t>
  </si>
  <si>
    <t>327215 - Glass Product Manufacturing Made of Purchased Glass</t>
  </si>
  <si>
    <t>D3240</t>
  </si>
  <si>
    <t>CEMENT, HYDRAULIC</t>
  </si>
  <si>
    <t>Establishments primarily engaged in manufacturing hydraulic cement, including portland, natural, masonry, and pozzolana cements.</t>
  </si>
  <si>
    <t>327310 - Cement Manufacturing</t>
  </si>
  <si>
    <t>D3250</t>
  </si>
  <si>
    <t>STRUCTURAL CLAY PRODUCTS</t>
  </si>
  <si>
    <t>This major group includes establishments engaged in manufacturing structural clay products</t>
  </si>
  <si>
    <t>327331 - Concrete Block and Brick Manufacturing</t>
  </si>
  <si>
    <t>D3260</t>
  </si>
  <si>
    <t>POTTERY &amp; RELATED PRODUCTS</t>
  </si>
  <si>
    <t>This major group includes establishments engaged in manufacturing pottery.</t>
  </si>
  <si>
    <t>D3270</t>
  </si>
  <si>
    <t>CONCRETE, GYPSUM, &amp; PLASTER PRODUCTS</t>
  </si>
  <si>
    <t>This major group includes establishments engaged in manufacturing concrete, gypsum and plaster products.</t>
  </si>
  <si>
    <t>327332 - Concrete Pipe Manufacturing</t>
  </si>
  <si>
    <t>327390 - Other Concrete Product Manufacturing</t>
  </si>
  <si>
    <t>327999 - All Other Miscellaneous Nonmetallic Mineral Product Manufacturing</t>
  </si>
  <si>
    <t>327410 - Lime Manufacturing</t>
  </si>
  <si>
    <t>327420 - Gypsum Product Manufacturing</t>
  </si>
  <si>
    <t>D3280</t>
  </si>
  <si>
    <t>CUT STONE &amp; STONE PRODUCTS</t>
  </si>
  <si>
    <t>Establishments primarily engaged in cutting, shaping, and finishing granite, marble, limestone, slate, and other stone for building and miscellaneous uses.</t>
  </si>
  <si>
    <t>327991 - Cut Stone and Stone Product Manufacturing</t>
  </si>
  <si>
    <t>D3290</t>
  </si>
  <si>
    <t>MISC NONMETALLIC MINERAL PRODUCTS</t>
  </si>
  <si>
    <t>Establishments primarily engaged in the factory production of goods made of plaster of paris and papier-mache, and in manufacturing sand lime products and other nonmetallic mineral products, not elsewhere classified.</t>
  </si>
  <si>
    <t>PRIMARY METAL INDUSTRIES</t>
  </si>
  <si>
    <t>D3310</t>
  </si>
  <si>
    <t>BLAST FURNACE &amp; BASIC STEEL PRODUCTS</t>
  </si>
  <si>
    <t>Establishments primarily engaged in manufacturing hot metal, pig iron, and silvery pig iron from iron ore and iron and steel scrap; converting pig iron, scrap iron, and scrap steel into steel</t>
  </si>
  <si>
    <t>331221 - Rolled Steel Shape Manufacturing</t>
  </si>
  <si>
    <t>D3320</t>
  </si>
  <si>
    <t>IRON &amp; STEEL FOUNDRIES</t>
  </si>
  <si>
    <t>Establishments primarily engaged in manufacturing steel investment castings</t>
  </si>
  <si>
    <t>331511 - Iron Foundries</t>
  </si>
  <si>
    <t>331512 - Steel Investment Foundries</t>
  </si>
  <si>
    <t>331513 - Steel Foundries (except Investment)</t>
  </si>
  <si>
    <t>D3330</t>
  </si>
  <si>
    <t>PRIMARY NONFERROUS METALS</t>
  </si>
  <si>
    <t>Establishments primarily engaged in smelting and refining nonferrous metals, except copper and aluminum.</t>
  </si>
  <si>
    <t>D3340</t>
  </si>
  <si>
    <t>SECONDARY NONFERROUS METALS</t>
  </si>
  <si>
    <t>Establishments primarily engaged in recovering nonferrous metals and alloys from new and used scrap and dross or in producing alloys from purchased refined metals.  This industry includes establishments engaged in both the recovery and alloying of precious metals.  Plants engaged in the recovery of tin through secondary smelting and refining, as well as by chemical processes, are included in this industry.</t>
  </si>
  <si>
    <t>331314 - Secondary Smelting and Alloying of Aluminum</t>
  </si>
  <si>
    <t>331492 - Secondary Smelting, Refining, and Alloying of Nonferrous Metal (except Copper and Aluminum)</t>
  </si>
  <si>
    <t>D3350</t>
  </si>
  <si>
    <t>NONFERROUS ROLLING &amp; DRAWING</t>
  </si>
  <si>
    <t>Establishments primarily engaged in rolling, drawing, and extruding nonferrous metals other than copper and aluminum.  The products of this industry are in the form of basic shapes, such as plate, sheet, strip, bar, and tubing.</t>
  </si>
  <si>
    <t>331491 - Nonferrous Metal (except Copper and Aluminum) Rolling, Drawing, and Extruding</t>
  </si>
  <si>
    <t>D3360</t>
  </si>
  <si>
    <t>NONFERROUS FOUNDRIES (CASTINGS)</t>
  </si>
  <si>
    <t>This industry group includes establishments primarily engaged in manufacturing castings and die-castings of aluminum, brass, bronze, and other nonferrous metals and alloys.  These establishments generally operate on a job or order basis, manufacturing castings for sale to others or for interplant transfer.  Establishments which produce nonferrous castings and which are also engaged in fabricating operations, such as machining and assembling, in manufacturing a specified product are classified in the industry of the specified product.  Nonferrous castings are made to a considerable extent by establishments classified in other industries that operate foundry departments for the production of castings for incorporation, in the same establishment, into such products as machinery and motor vehicles.</t>
  </si>
  <si>
    <t>D3390</t>
  </si>
  <si>
    <t>MISC PRIMARY METAL PRODUCTS</t>
  </si>
  <si>
    <t>Establishments primarily engaged in manufacturing primary metal products, not elsewhere classified, such as nonferrous nails, brads, and spikes, and metal powder, flakes, and paste.</t>
  </si>
  <si>
    <t>332618 - Other Fabricated Wire Product Manufacturing</t>
  </si>
  <si>
    <t>332813 - Electroplating, Plating, Polishing, Anodizing and Coloring</t>
  </si>
  <si>
    <t>FABRICATED METAL PRODUCTS</t>
  </si>
  <si>
    <t>D3410</t>
  </si>
  <si>
    <t>METAL CANS &amp; SHIPPING CONTAINERS</t>
  </si>
  <si>
    <t>Establishments primarily engaged in manufacturing metal cans from purchased materials.</t>
  </si>
  <si>
    <t>332431 - Metal Can Manufacturing</t>
  </si>
  <si>
    <t>332439 - Other Metal Container Manufacturing</t>
  </si>
  <si>
    <t>D3420</t>
  </si>
  <si>
    <t>CUTLERY, HANDTOOLS, &amp; HARDWARE</t>
  </si>
  <si>
    <t>332510 - Hardware Manufacturing</t>
  </si>
  <si>
    <t>332722 - Bolt, Nut, Screw, Rivet, and Washer Manufacturing</t>
  </si>
  <si>
    <t>332919 - Other Metal Valve and Pipe Fitting Manufacturing</t>
  </si>
  <si>
    <t>332999 - All Other Miscellaneous Fabricated Metal Product Manufacturing</t>
  </si>
  <si>
    <t>333923 - Overhead Traveling Crane, Hoist, and Monorail System Manufacturing</t>
  </si>
  <si>
    <t>D3430</t>
  </si>
  <si>
    <t>PLUMBING &amp; HEATING, EXCEPT ELECTRIC</t>
  </si>
  <si>
    <t>Establishments primarily engaged in manufacturing heating equipment, except electric and warm air furnaces, including gas, oil, and stoker coal fired equipment for the automatic utilization of gaseous, liquid, and solid fuels.</t>
  </si>
  <si>
    <t>332913 - Plumbing Fixture Fitting and Trim  Manufacturing</t>
  </si>
  <si>
    <t>333414 - Heating Equipment (except Warm Air Furnaces) Manufacturing</t>
  </si>
  <si>
    <t>D3440</t>
  </si>
  <si>
    <t>FABRICATED STRUCTURAL METAL PRODUCTS</t>
  </si>
  <si>
    <t>Establishments primarily engaged in fabricating iron and steel or other metal for structural purposes, such as bridges, buildings, and sections for ships, boats, and barges.</t>
  </si>
  <si>
    <t>332312 - Fabricated Structural Metal Manufacturing</t>
  </si>
  <si>
    <t xml:space="preserve">332321 - Metal Window and Door Manufacturing  </t>
  </si>
  <si>
    <t>332313 - Plate Work Manufacturing</t>
  </si>
  <si>
    <t>332410 - Power Boiler and Heat Exchanger Manufacturing</t>
  </si>
  <si>
    <t>332420 - Metal Tank (Heavy Gauge) Manufacturing</t>
  </si>
  <si>
    <t>332322 - Sheet Metal Work Manufacturing</t>
  </si>
  <si>
    <t>332323 - Ornamental and Architectural Metal Work Manufacturing</t>
  </si>
  <si>
    <t>332311 - Prefabricated Metal Building and Component  Manufacturing</t>
  </si>
  <si>
    <t>332114 - Custom Roll Forming</t>
  </si>
  <si>
    <t>D3450</t>
  </si>
  <si>
    <t>SCREW MACHINE PRODUCTS, BOLTS, ETC.</t>
  </si>
  <si>
    <t>Establishments primarily engaged in manufacturing automatic or hand screw machine products from rod, bar, or tube stock of metal, fiber, plastics or other material.  The products of this industry consist of a wide variety of unassembled parts and are usually manufactured on a job or order basis.  Establishments included in this industry may perform assembly of some parts manufactured in the same establishment, but establishments primarily engaged in producing assembled components are classified according to the nature of the components.</t>
  </si>
  <si>
    <t>332721 - Precision Turned Product Manufacturing</t>
  </si>
  <si>
    <t>332111 - Iron and Steel Forging</t>
  </si>
  <si>
    <t>332112 - Nonferrous Forging</t>
  </si>
  <si>
    <t>336370 - Motor Vehicle Metal Stamping</t>
  </si>
  <si>
    <t>D3460</t>
  </si>
  <si>
    <t>METAL FORGING &amp; STAMPINGS</t>
  </si>
  <si>
    <t>This industry group includes establishments primarily engaged in manufacturing metal forgings or metal stampings.  These establishments generally operate on a job or order basis, manufacturing metal stampings or forgings for sale to others or for interplant transfer.  Establishments which produce metal stampings or forgings for incorporation in end products produced in the same establishment are classified on the basis of the end product.  Establishments further processing forgings or stampings are classified according to the particular product or process.</t>
  </si>
  <si>
    <t>D3470</t>
  </si>
  <si>
    <t>METAL SERVICES, NEC</t>
  </si>
  <si>
    <t>332812 - Metal Coating, Engraving (except Jewelry and Silverware), and Allied Services to Manufacturers</t>
  </si>
  <si>
    <t>339911 - Jewelry (except Costume) Manufacturing</t>
  </si>
  <si>
    <t>339912 - Silverware and Holloware Manufacturing</t>
  </si>
  <si>
    <t>D3480</t>
  </si>
  <si>
    <t>ORDNANCE &amp; ACCESSORIES, NEC</t>
  </si>
  <si>
    <t>Establishments primarily engaged in manufacturing ammunition</t>
  </si>
  <si>
    <t>332992 - Small Arms Ammunition Manufacturing</t>
  </si>
  <si>
    <t>332993 - Ammunition (except Small Arms) Manufacturing</t>
  </si>
  <si>
    <t>332994 - Small Arms Manufacturing</t>
  </si>
  <si>
    <t>D3490</t>
  </si>
  <si>
    <t>MISC FABRICATED METAL PRODUCTS</t>
  </si>
  <si>
    <t>Establishments primarily engaged in manufacturing fabricated metal products, not elsewhere classified, such as fire or burglary resistive steel safes and vaults and similar fire or burglary resistive products; and collapsible tubes of thin flexible metal.  Also included are establishments primarily engaged in manufacturing metal boxes, metal ladders, and metal household articles, such as ice cream freezers and ironing boards.</t>
  </si>
  <si>
    <t>332911 - Industrial Valve Manufacturing</t>
  </si>
  <si>
    <t>332912 - Fluid Power Valve and Hose Fitting Manufacturing</t>
  </si>
  <si>
    <t>333924 - Industrial Truck, Tractor, Trailer, and Stacker Machinery Manufacturing</t>
  </si>
  <si>
    <t>332996 - Fabricated Pipe and Pipe Fitting Manufacturing</t>
  </si>
  <si>
    <t>332117 - Powder Metallurgy Part Manufacturing</t>
  </si>
  <si>
    <t>INDUSTRIAL MACHINERY AND EQUIPMENT</t>
  </si>
  <si>
    <t>D3510</t>
  </si>
  <si>
    <t>ENGINES &amp; TURBINES</t>
  </si>
  <si>
    <t>333611 - Turbine and Turbine Generator Set Units Manufacturing</t>
  </si>
  <si>
    <t>333618 - Other Engine Equipment Manufacturing</t>
  </si>
  <si>
    <t>D3520</t>
  </si>
  <si>
    <t>FARM &amp; GARDEN MACHINERY</t>
  </si>
  <si>
    <t>Establishments primarily engaged in manufacturing farm machinery and equipment, including wheel tractors, for use in the preparation and maintenance of the soil; planting and harvesting of the crop; preparing crops for market on the farm; or for use in performing other farm operations and processes.  Included in this industry are establishments primarily engaged in manufacturing commercial mowing and other turf and grounds care equipment.</t>
  </si>
  <si>
    <t>333111 - Farm Machinery and Equipment Manufacturing</t>
  </si>
  <si>
    <t>333922 - Conveyor and Conveying Equipment Manufacturing</t>
  </si>
  <si>
    <t>333112 - Lawn and Garden Tractor and Home Lawn and Garden Equipment Manufacturing</t>
  </si>
  <si>
    <t>D3530</t>
  </si>
  <si>
    <t>CONSTRUCTION &amp; RELATED MACHINERY</t>
  </si>
  <si>
    <t>Establishments primarily engaged in manufacturing heavy machinery and equipment of a type used primarily by the construction industries, such as bulldozers; concrete mixers; cranes, except industrial plant overhead and truck-type cranes; dredging machinery; pavers; and power shovels.  Also included in this industry are establishments primarily engaged in manufacturing forestry equipment and certain specialized equipment, not elsewhere classified, similar to that used by the construction industries, such as elevating platforms, ship cranes and capstans, aerial work platforms, and automobile wrecker hoists.</t>
  </si>
  <si>
    <t>333120 - Construction Machinery Manufacturing</t>
  </si>
  <si>
    <t>336510 - Railroad Rolling Stock Manufacturing</t>
  </si>
  <si>
    <t>333131 - Mining Machinery and Equipment Manufacturing</t>
  </si>
  <si>
    <t>333132 - Oil and Gas Field Machinery and Equipment Manufacturing</t>
  </si>
  <si>
    <t>333921 - Elevator and Moving Stairway Manufacturing</t>
  </si>
  <si>
    <t>D3540</t>
  </si>
  <si>
    <t xml:space="preserve">METALWORKING MACHINERY    </t>
  </si>
  <si>
    <t>This major group includes establishments engaged in manufacturing metalworking machinery</t>
  </si>
  <si>
    <t>333511 - Industrial Mold Manufacturing</t>
  </si>
  <si>
    <t>333514 - Special Die and Tool, Die Set, Jig, and Fixture Manufacturing</t>
  </si>
  <si>
    <t>333515 - Cutting Tool and Machine Tool Accessory Manufacturing</t>
  </si>
  <si>
    <t>D3550</t>
  </si>
  <si>
    <t>SPECIAL INDUSTRY MACHINERY</t>
  </si>
  <si>
    <t>Establishments primarily engaged in manufacturing special industry machinery, not elsewhere classified, such as smelting and refining equipment, cement making, clayworking, cotton ginning, glass making, hat making, incandescent lamp making, leather working, paint making, rubber working, cigar and cigarette making, tobacco working, shoe making, and stone working machinery, and industrial sewing machines, and automotive maintenance machinery and equipment.</t>
  </si>
  <si>
    <t>333992 - Welding and Soldering Equipment Manufacturing</t>
  </si>
  <si>
    <t>335311 - Power, Distribution, and Specialty Transformer Manufacturing</t>
  </si>
  <si>
    <t>D3560</t>
  </si>
  <si>
    <t>GENERAL INDUSTRIAL MACHINERY</t>
  </si>
  <si>
    <t>Establishments primarily engaged in manufacturing machinery, equipment, and components for general industrial use, and for which no special classification is provided.</t>
  </si>
  <si>
    <t>333911 - Pump and Pumping Equipment Manufacturing</t>
  </si>
  <si>
    <t>332991 - Ball and Roller Bearing Manufacturing</t>
  </si>
  <si>
    <t>333912 - Air and Gas Compressor Manufacturing</t>
  </si>
  <si>
    <t>333993 - Packaging Machinery Manufacturing</t>
  </si>
  <si>
    <t>333994 - Industrial Process Furnace and Oven Manufacturing</t>
  </si>
  <si>
    <t>333613 - Mechanical Power Transmission Equipment Manufacturing</t>
  </si>
  <si>
    <t>333999 - All Other Miscellaneous General Purpose Machinery  Manufacturing</t>
  </si>
  <si>
    <t>D3570</t>
  </si>
  <si>
    <t>COMPUTER &amp; OFFICE EQUIPMENT</t>
  </si>
  <si>
    <t>Establishments primarily engaged in manufacturing office machines and devices, not elsewhere classified, including typewriters and word processing equipment.</t>
  </si>
  <si>
    <t>334111 - Electronic Computer Manufacturing</t>
  </si>
  <si>
    <t>334112 - Computer Storage Device Manufacturing</t>
  </si>
  <si>
    <t>334418 - Printed Circuit Assembly (Electronic Assembly) Manufacturing</t>
  </si>
  <si>
    <t>334613 - Magnetic and Optical Recording Media Manufacturing</t>
  </si>
  <si>
    <t>D3580</t>
  </si>
  <si>
    <t>REFRIGERATION &amp; SERVICE MACHINERY</t>
  </si>
  <si>
    <t>This major group includes establishments engaged in manufacturing refrigeration and service industry machinery</t>
  </si>
  <si>
    <t>D3590</t>
  </si>
  <si>
    <t>INDUSTRIAL MACHINERY, NEC</t>
  </si>
  <si>
    <t>This major group includes establishments engaged in manufacturing industrial machinery</t>
  </si>
  <si>
    <t>333913 - Measuring and Dispensing Pump Manufacturing</t>
  </si>
  <si>
    <t>333995 - Fluid Power Cylinder and Actuator Manufacturing</t>
  </si>
  <si>
    <t>333996 - Fluid Power Pump and Motor Manufacturing</t>
  </si>
  <si>
    <t>332710 - Machine Shops</t>
  </si>
  <si>
    <t>334519 - Other Measuring and Controlling Device Manufacturing</t>
  </si>
  <si>
    <t>ELECTRONIC &amp; OTHER ELECTRIC MACHINERY</t>
  </si>
  <si>
    <t>D3610</t>
  </si>
  <si>
    <t>ELECTRIC DISTRIBUTION EQUIPMENT</t>
  </si>
  <si>
    <t>Establishments primarily engaged in manufacturing power, distribution, instrument, and specialty transformers.</t>
  </si>
  <si>
    <t>335313 - Switchgear and Switchboard Apparatus Manufacturing</t>
  </si>
  <si>
    <t>335312 - Motor and Generator Manufacturing</t>
  </si>
  <si>
    <t>335991 - Carbon and Graphite Product Manufacturing</t>
  </si>
  <si>
    <t>335314 - Relay and Industrial Control Manufacturing</t>
  </si>
  <si>
    <t>D3620</t>
  </si>
  <si>
    <t>ELECTRICAL INDUSTRIAL APPARATUS</t>
  </si>
  <si>
    <t>Establishments primarily engaged in manufacturing industrial and commercial electric apparatus and equipment, not elsewhere classified, such as fixed and variable capacitors and rectifiers for industrial applications.</t>
  </si>
  <si>
    <t>335999 - All Other Miscellaneous Electrical Equipment and Component Manufacturing</t>
  </si>
  <si>
    <t>D3630</t>
  </si>
  <si>
    <t>HOUSEHOLD APPLIANCES</t>
  </si>
  <si>
    <t>This major group includes establishments engaged in manufacturing household appliances.</t>
  </si>
  <si>
    <t>339999 - All Other Miscellaneous Manufacturing</t>
  </si>
  <si>
    <t>D3640</t>
  </si>
  <si>
    <t>ELECTRIC LIGHTING &amp; WIRING EQUIPMENT</t>
  </si>
  <si>
    <t>Establishments primarily engaged in manufacturing lighting fixtures and equipment, electric and nonelectric, not elsewhere classified, including flashlights and similar portable lamps, searchlights, ultraviolet lamp fixtures, and infrared lamp fixtures.</t>
  </si>
  <si>
    <t>335110 - Electric Lamp Bulb and Part Manufacturing</t>
  </si>
  <si>
    <t>335121 - Residential Electric Lighting Fixture Manufacturing</t>
  </si>
  <si>
    <t>335122 - Commercial, Industrial, and Institutional Electric Lighting Fixture Manufacturing</t>
  </si>
  <si>
    <t>335129 - Other Lighting Equipment Manufacturing</t>
  </si>
  <si>
    <t>D3650</t>
  </si>
  <si>
    <t>HOUSEHOLD AUDIO &amp; VIDEO EQUIPMENT</t>
  </si>
  <si>
    <t>Establishments primarily engaged in manufacturing electronic audio and video equipment for home entertainment (including automotive), such as television sets, radio broadcast receivers, tape players, phonographs, and video recorders and players.  This industry also includes establishments primarily engaged in manufacturing public address systems and music distribution apparatus.</t>
  </si>
  <si>
    <t>334310 - Audio and Video Equipment Manufacturing</t>
  </si>
  <si>
    <t>D3660</t>
  </si>
  <si>
    <t>COMMUNICATIONS EQUIPMENT</t>
  </si>
  <si>
    <t>Establishments primarily engaged in manufacturing communications and related equipment, not elsewhere classified.  Important products of this industry are intercommunication equipment, traffic signaling equipment, and fire and burglar alarm apparatus.</t>
  </si>
  <si>
    <t>334210 - Telephone Apparatus Manufacturing</t>
  </si>
  <si>
    <t>334220 - Radio and Television Broadcasting and Wireless Communications Equipment Manufacturing</t>
  </si>
  <si>
    <t>334290 - Other Communications Equipment Manufacturing</t>
  </si>
  <si>
    <t>D3670</t>
  </si>
  <si>
    <t>ELECTRONIC COMPONENTS &amp; ACCESSORIES</t>
  </si>
  <si>
    <t>Establishments primarily engaged in manufacturing electronic components, not elsewhere classified, such as receiving antennas, switches, and waveguides.</t>
  </si>
  <si>
    <t>334412 - Bare Printed Circuit Board Manufacturing</t>
  </si>
  <si>
    <t>334413 - Semiconductor and Related Device Manufacturing</t>
  </si>
  <si>
    <t>334416 - Electronic Coil, Transformer, and Other Inductor Manufacturing</t>
  </si>
  <si>
    <t>334417 - Electronic Connector Manufacturing</t>
  </si>
  <si>
    <t>D3680</t>
  </si>
  <si>
    <t>ELECTRONIC ASSEMBLY</t>
  </si>
  <si>
    <t>D3690</t>
  </si>
  <si>
    <t xml:space="preserve">MISC ELECTRICAL EQUIPMENT </t>
  </si>
  <si>
    <t>Establishments primarily engaged in manufacturing electrical machinery, equipment, and supplies, not elsewhere classified, including high energy particle acceleration systems and equipment, electronic simulators, appliance and extension cords, bells and chimes, and insect traps.</t>
  </si>
  <si>
    <t>334419 - Other Electronic Component Manufacturing</t>
  </si>
  <si>
    <t>335911 - Storage Battery Manufacturing</t>
  </si>
  <si>
    <t>335912 - Primary Battery Manufacturing</t>
  </si>
  <si>
    <t>TRANSPORATION EQUIPMENT`</t>
  </si>
  <si>
    <t>D3710</t>
  </si>
  <si>
    <t>MOTOR VEHICLES &amp; EQUIPMENT</t>
  </si>
  <si>
    <t>This major group includes establishments engaged in manufacturing equipment for transportation of passengers and cargo by land, air, and water.</t>
  </si>
  <si>
    <t>336111 - Automobile Manufacturing</t>
  </si>
  <si>
    <t>336112 - Light Truck and Utility Vehicle Manufacturing</t>
  </si>
  <si>
    <t>336120 - Heavy Duty Truck Manufacturing</t>
  </si>
  <si>
    <t>336211 - Motor Vehicle Body Manufacturing</t>
  </si>
  <si>
    <t>336992 - Military Armored Vehicle, Tank, and Tank Component Manufacturing</t>
  </si>
  <si>
    <t>336330 - Motor Vehicle Steering and Suspension Components (except Spring) Manufacturing</t>
  </si>
  <si>
    <t>336340 - Motor Vehicle Brake System Manufacturing</t>
  </si>
  <si>
    <t>336350 - Motor Vehicle Transmission and Power Train Parts Manufacturing</t>
  </si>
  <si>
    <t>336212 - Truck Trailer Manufacturing</t>
  </si>
  <si>
    <t>336213 - Motor Home Manufacturing</t>
  </si>
  <si>
    <t>D3711</t>
  </si>
  <si>
    <t>ELECTRIC VEHICLES</t>
  </si>
  <si>
    <t>D3720</t>
  </si>
  <si>
    <t>AIRCRAFT &amp; PARTS</t>
  </si>
  <si>
    <t>Establishments primarily engaged in manufacturing aircraft parts and auxiliary equipment</t>
  </si>
  <si>
    <t>336411 - Aircraft Manufacturing</t>
  </si>
  <si>
    <t>336412 - Aircraft Engine and Engine Parts Manufacturing</t>
  </si>
  <si>
    <t>336413 - Other Aircraft Part and Auxiliary Equipment Manufacturing</t>
  </si>
  <si>
    <t>D3730</t>
  </si>
  <si>
    <t>SHIP &amp; BOAT BUILDING &amp; REPAIRING</t>
  </si>
  <si>
    <t>Establishments primarily engaged in building and repairing ships, barges, and lighters, whether self-propelled or towed by other craft.  This industry also includes the conversion and alteration of ships and the manufacture of offshore oil and gas well drilling and production platforms (whether or not self-propelled).</t>
  </si>
  <si>
    <t>336611 - Ship Building and Repairing</t>
  </si>
  <si>
    <t>488390 - Other Support Activities for Water Transportation</t>
  </si>
  <si>
    <t>336612 - Boat Building</t>
  </si>
  <si>
    <t>811490 - Other Personal and Household Goods Repair and Maintenance</t>
  </si>
  <si>
    <t>D3740</t>
  </si>
  <si>
    <t>RAILROAD EQUIPMENT</t>
  </si>
  <si>
    <t>Establishments primarily engaged in building and rebuilding locomotives (including frames and parts, not elsewhere classified) of any type or gauge; and railroad, street, and rapid transit cars and car equipment for operation on rails for freight and passenger service.</t>
  </si>
  <si>
    <t>D3750</t>
  </si>
  <si>
    <t>MOTORCYCLES, BICYCLES, &amp; PARTS</t>
  </si>
  <si>
    <t>Establishments primarily engaged in manufacturing motorcycles, bicycles, and similar equipment, and parts.</t>
  </si>
  <si>
    <t>336991 - Motorcycle, Bicycle, and Parts Manufacturing</t>
  </si>
  <si>
    <t>D3760</t>
  </si>
  <si>
    <t>GUIDED MISSILES, &amp; SPACE VEHICLES PARTS</t>
  </si>
  <si>
    <t>Establishments primarily engaged in manufacturing complete guided missiles and space vehicles.  This industry also includes establishments owned by guided missile and space vehicle manufacturers and primarily engaged in research and development on these products, whether from enterprise funds or on a contract or fee basis.</t>
  </si>
  <si>
    <t>336414 - Guided Missile and Space Vehicle Manufacturing</t>
  </si>
  <si>
    <t>336415 - Guided Missile and Space Vehicle Propulsion Unit and Propulsion Unit Parts Manufacturing</t>
  </si>
  <si>
    <t>336419 - Other Guided Missile and Space Vehicle Parts and Auxiliary Equipment Manufacturing</t>
  </si>
  <si>
    <t>D3770</t>
  </si>
  <si>
    <t>LOCOMOTIVE OVERHAUL</t>
  </si>
  <si>
    <t>D3771</t>
  </si>
  <si>
    <t>RAILCAR REHABILITATION</t>
  </si>
  <si>
    <t>D3790</t>
  </si>
  <si>
    <t>MISC TRANSPORTATION EQUIPMENT</t>
  </si>
  <si>
    <t>INSTRUMENTS AND RELATED PRODUCTS</t>
  </si>
  <si>
    <t>D3810</t>
  </si>
  <si>
    <t>Establishments primarily engaged in manufacturing search, detection, navigation, guidance, aeronautical, and nautical systems and instruments.  Important products of this industry are radar systems and equipment; sonar systems and equipment; navigation systems and equipment; countermeasures equipment; aircraft and missile control systems and equipment; flight and navigation sensors, transmitters, and displays; gyroscopes; airframe equipment instruments; and speed, pitch, and roll navigational instruments and systems.</t>
  </si>
  <si>
    <t>D3840</t>
  </si>
  <si>
    <t>MEDICAL INSTRUMENT SUPPLIES</t>
  </si>
  <si>
    <t>Establishments primarily engaged in manufacturing medical, surgical, ophthalmic, and veterinary instruments and apparatus.</t>
  </si>
  <si>
    <t>339112 - Surgical and Medical Instrument Manufacturing</t>
  </si>
  <si>
    <t>334510 - Electromedical and Electrotherapeutic Apparatus Manufacturing</t>
  </si>
  <si>
    <t>339114 - Dental Equipment and Supplies Manufacturing</t>
  </si>
  <si>
    <t>334517 - Irradiation Apparatus Manufacturing</t>
  </si>
  <si>
    <t>D3850</t>
  </si>
  <si>
    <t>OPHTHALMIC GOODS</t>
  </si>
  <si>
    <t>Establishments primarily engaged in manufacturing ophthalmic frames, lenses, and sunglass lenses.</t>
  </si>
  <si>
    <t>339115 - Ophthalmic Goods Manufacturing</t>
  </si>
  <si>
    <t>D3860</t>
  </si>
  <si>
    <t xml:space="preserve">PHOTOGRAPHIC EQUIPMENT </t>
  </si>
  <si>
    <t>Establishments primarily engaged in manufacturing:  (1) photographic apparatus, equipment, parts, attachments, and accessories, such as still and motion picture camera and projection apparatus; photocopy and microfilm equipment; blueprinting and diazotype (white printing) apparatus and equipment; and other photographic equipment; and (2) sensitized film, paper, cloth, and plates, and prepared photographic chemicals for use therewith.</t>
  </si>
  <si>
    <t>325992 - Photographic Film, Paper, Plate, and Chemical Manufacturing</t>
  </si>
  <si>
    <t>D3870</t>
  </si>
  <si>
    <t>WATCHES, CLOCKS, WATCHCASES &amp; PARTS</t>
  </si>
  <si>
    <t>Establishments primarily engaged in manufacturing clocks (including electric), watches, watchcases, mechanisms for clockwork operated devices, and clock and watch parts.  This industry includes establishments primarily engaged in assembling clocks and watches from purchased movements and cases.</t>
  </si>
  <si>
    <t>MISCELLANEOUS MANUFACTURING INDUSTRIES</t>
  </si>
  <si>
    <t>D3910</t>
  </si>
  <si>
    <t>JEWELRY, SILVERWARE, &amp; PLATED WARE</t>
  </si>
  <si>
    <t>Establishments primarily engaged in manufacturing jewelry and other articles worn on or carried about the person, made of precious metals (including base metals clad or rolled with precious metals), with or without stones.  Products of this industry include cigarette cases and lighters, vanity cases and compacts; trimmings for umbrellas and canes; and jewel settings and mountings.</t>
  </si>
  <si>
    <t>D3930</t>
  </si>
  <si>
    <t>MUSICAL INSTRUMENTS</t>
  </si>
  <si>
    <t>Establishments primarily engaged in manufacturing pianos, with or without player attachments; organs; other musical instruments; and parts and accessories for musical instruments.</t>
  </si>
  <si>
    <t>339992 - Musical Instrument Manufacturing</t>
  </si>
  <si>
    <t>D3940</t>
  </si>
  <si>
    <t>TOYS &amp; SPORTING GOODS</t>
  </si>
  <si>
    <t>Establishments primarily engaged in manufacturing games and game sets for adults and children, and mechanical and nonmechanical toys.  Important products of this industry include games; toy furniture; doll carriages and carts; construction sets; mechanical trains; toy guns and rifles; baby carriages and strollers; children's tricycles, coaster wagons, play cars, sleds, and other children's outdoor wheel goods and vehicles, except bicycles.  Included are establishments primarily engaged in manufacturing electronic board games; electronic toys; and electronic game machines, except coin-operated.</t>
  </si>
  <si>
    <t>D3950</t>
  </si>
  <si>
    <t>PENS, PENCILS, OFFICE, &amp; ART SUPPLIES</t>
  </si>
  <si>
    <t>D3960</t>
  </si>
  <si>
    <t>COSTUME JEWELRY &amp; NOTIONS</t>
  </si>
  <si>
    <t>D3970</t>
  </si>
  <si>
    <t>TRANSIT TICKET VENDING MACHINE – INSTALL/SERVICE</t>
  </si>
  <si>
    <t>D3980</t>
  </si>
  <si>
    <t>WHEELCHAIR LIFTS</t>
  </si>
  <si>
    <t>D3990</t>
  </si>
  <si>
    <t>MISC MANUFACTURES</t>
  </si>
  <si>
    <t>Establishments primarily engaged in manufacturing miscellaneous fabricated products, including beauty shop and barber shop equipment; hair work; tobacco pipes and cigarette holders; coin-operated amusement machines; matches; candles; lamp shades; feathers; artificial trees and flowers made from all materials, except glass; dressed and dyed furs; umbrellas, parasols, and canes; and other articles, not elsewhere classified.</t>
  </si>
  <si>
    <t>339950 - Sign Manufacturing</t>
  </si>
  <si>
    <t>339995 - Burial Casket Manufacturing</t>
  </si>
  <si>
    <t>E.</t>
  </si>
  <si>
    <t>TRANSPORTATION AND PUBLIC UTILITIES</t>
  </si>
  <si>
    <t>RAILROAD TRANSPORTATION</t>
  </si>
  <si>
    <t>E4010</t>
  </si>
  <si>
    <t>RAILROADS</t>
  </si>
  <si>
    <t>Establishments primarily engaged in line-haul railroad passenger and freight operations.</t>
  </si>
  <si>
    <t>482112 - Short Line Railroads</t>
  </si>
  <si>
    <t>LOCAL AND INTERURBAN PASSENGER TRANSIT</t>
  </si>
  <si>
    <t>E4110</t>
  </si>
  <si>
    <t>LOCAL &amp; SUBURBAN TRANSPORATION</t>
  </si>
  <si>
    <t>Establishments primarily engaged in furnishing local and suburban mass passenger transportation over regular routes and on regular schedules, with operations confined principally to a municipality, contiguous municipalities, or a municipality and its suburban areas.  Also included in this industry are establishments primarily engaged in furnishing passenger transportation by automobile, bus, or rail to, from, or between airports or rail terminals, over regular routes, and those providing bus and rail commuter services.</t>
  </si>
  <si>
    <t>488210 - Support Activities for Rail Transportation</t>
  </si>
  <si>
    <t>485111 - Mixed Mode Transit Systems</t>
  </si>
  <si>
    <t>485112 - Commuter Rail Systems</t>
  </si>
  <si>
    <t>485113 - Bus and Other Motor Vehicle Transit Systems</t>
  </si>
  <si>
    <t>485119 - Other Urban Transit Systems</t>
  </si>
  <si>
    <t>485999 - All Other Transit and Ground Passenger Transportation</t>
  </si>
  <si>
    <t>485320 - Limousine Service</t>
  </si>
  <si>
    <t>485410 - School and Employee Bus Transportation</t>
  </si>
  <si>
    <t>485991 - Special Needs Transportation</t>
  </si>
  <si>
    <t>487110 - Scenic and Sightseeing Transportation, Land</t>
  </si>
  <si>
    <t>621910 - Ambulance Services</t>
  </si>
  <si>
    <t>E4120</t>
  </si>
  <si>
    <t>TAXICABS</t>
  </si>
  <si>
    <t>Establishments primarily engaged in furnishing passenger transportation by automobiles not operated on regular schedules or between fixed terminals.  Taxicab fleet owners and organizations are included, regardless of whether drivers are hired or rent their cabs or are otherwise compensated.</t>
  </si>
  <si>
    <t>485310 - Taxi Service</t>
  </si>
  <si>
    <t>E4130</t>
  </si>
  <si>
    <t>INTERCITY &amp; RURAL BUS TRANSPORTATION</t>
  </si>
  <si>
    <t>Establishments primarily engaged in furnishing bus transportation, over regular routes and on regular schedules, the operations of which are principally outside a single municipality, outside one group of contiguous municipalities, and outside a single municipality and its suburban areas.</t>
  </si>
  <si>
    <t>485210 - Interurban and Rural Bus Transportation</t>
  </si>
  <si>
    <t>485510 - Charter Bus Industry</t>
  </si>
  <si>
    <t>E4140</t>
  </si>
  <si>
    <t>BUS CHARTER SERVICE</t>
  </si>
  <si>
    <t>Establishments primarily engaged in furnishing local bus charter service where such operations are principally within a single municipality, contiguous municipalities, or a municipality and its suburban areas.</t>
  </si>
  <si>
    <t>E4150</t>
  </si>
  <si>
    <t>SCHOOL BUSES</t>
  </si>
  <si>
    <t>Establishments primarily engaged in operating buses to transport pupils to and from school.  School bus establishments operated by educational institutions should be treated as auxiliaries.</t>
  </si>
  <si>
    <t>E4170</t>
  </si>
  <si>
    <t>BUS TERMINAL &amp; SERVICE FACILITIES</t>
  </si>
  <si>
    <t>488490 - Other Support Activities for Road Transportation</t>
  </si>
  <si>
    <t>TRUCKING AND WAREHOUSING</t>
  </si>
  <si>
    <t>D4210</t>
  </si>
  <si>
    <t>TRUCKING &amp; COURIER SERVICES, EX, AIR</t>
  </si>
  <si>
    <t>Establishments primarily engaged in the delivery of individually addressed letters, parcels, and packages (generally under 100 pounds), except by means of air transportation or by the United States Postal Service.  Delivery is usually made by street or highway within a local area or between cities.</t>
  </si>
  <si>
    <t>492210 - Local Messengers and Local Delivery</t>
  </si>
  <si>
    <t>D4220</t>
  </si>
  <si>
    <t>PUBLIC WAREHOUSING &amp; STORAGE</t>
  </si>
  <si>
    <t>This major group includes establishments engaged in the storage of farm products, furniture and other household goods, or commercial goods of any nature.</t>
  </si>
  <si>
    <t>493130 - Farm Product Warehousing and Storage</t>
  </si>
  <si>
    <t>493120 - Refrigerated Warehousing and Storage</t>
  </si>
  <si>
    <t>493110 - General  Warehousing and Storage</t>
  </si>
  <si>
    <t>D4230</t>
  </si>
  <si>
    <t>TRUCKING TERMINAL FACILITIES</t>
  </si>
  <si>
    <t>Establishments primarily engaged in the operation of terminal facilities used by highway-type property carrying vehicles.</t>
  </si>
  <si>
    <t>U. S. POSTAL SERVICE</t>
  </si>
  <si>
    <t>E4310</t>
  </si>
  <si>
    <t>491110 - Postal Service</t>
  </si>
  <si>
    <t>WATER TRANSPORTATION</t>
  </si>
  <si>
    <t>E4410</t>
  </si>
  <si>
    <t>DEEP SEA FOREIGN TRANS. OF FREIGHT</t>
  </si>
  <si>
    <t>Establishments primarily engaged in operating vessels for the transportation of freight on the deep seas between the United States and foreign ports.  Establishments operating vessels for the transportation of freight which travel to foreign ports and also to noncontiguous territories are classified in this industry.</t>
  </si>
  <si>
    <t>483111 - Deep Sea Freight Transportation</t>
  </si>
  <si>
    <t>E4420</t>
  </si>
  <si>
    <t>DEEP SEA DOMESTIC TRANS. OF FREIGHT</t>
  </si>
  <si>
    <t>Establishments primarily engaged in operating vessels for the transportation of freight on the deep seas between ports of the United States, the Panama Canal Zone, Puerto Rico, and United States island possessions or protectorates.  Also included are operations limited to the coasts of Alaska, Hawaii, or Puerto Rico.</t>
  </si>
  <si>
    <t>E4440</t>
  </si>
  <si>
    <t>WATER TRANSPORTATION OF FREIGHT, NEC</t>
  </si>
  <si>
    <t>Establishments primarily engaged in the transportation of freight on all inland waterways, including the intracoastal waterways on the Atlantic and Gulf Coasts.</t>
  </si>
  <si>
    <t>483112 - Deep Sea Passenger Transportation</t>
  </si>
  <si>
    <t>483114 - Coastal and Great Lakes Passenger Transportation</t>
  </si>
  <si>
    <t>483212 - Inland Water Passenger Transportation</t>
  </si>
  <si>
    <t>E4480</t>
  </si>
  <si>
    <t>WATER TRANSPORTATION OF PASSENGERS</t>
  </si>
  <si>
    <t>Establishments primarily engaged in furnishing water transportation of passengers.</t>
  </si>
  <si>
    <t>487210 - Scenic and Sightseeing Transportation, Water</t>
  </si>
  <si>
    <t>E4490</t>
  </si>
  <si>
    <t>WATER TRANSPORTATION SERVICES</t>
  </si>
  <si>
    <t>Establishments primarily engaged in furnishing miscellaneous services incidental to water transportation, not elsewhere classified, such as lighterage, boat hiring, except for pleasure; chartering of vessels; canal operation; ship cleaning, except hold cleaning; and steamship leasing.</t>
  </si>
  <si>
    <t>488310 - Port and Harbor Operations</t>
  </si>
  <si>
    <t>488320 - Marine Cargo Handling</t>
  </si>
  <si>
    <t>488330 - Navigational Services to Shipping</t>
  </si>
  <si>
    <t>713930 - Marinas</t>
  </si>
  <si>
    <t>483211 - Inland Water Freight Transportation</t>
  </si>
  <si>
    <t>TRANSPORTATION BY AIR</t>
  </si>
  <si>
    <t>E4510</t>
  </si>
  <si>
    <t>AIR TRANSPORATION, SCHEDULED</t>
  </si>
  <si>
    <t>Establishments primarily engaged in furnishing air transportation over regular routes and on regular schedules.  This industry includes Alaskan carriers operating over regular or irregular routes.</t>
  </si>
  <si>
    <t>481111 - Scheduled Passenger Air Transportation</t>
  </si>
  <si>
    <t>481112 - Scheduled Freight Air Transportation</t>
  </si>
  <si>
    <t>E4520</t>
  </si>
  <si>
    <t>AIR TRANSPORTATION, NONSCHEDULED</t>
  </si>
  <si>
    <t>Establishments primarily engaged in furnishing nonscheduled air transportation.  Also included in this industry are establishments primarily engaged in furnishing airplane sightseeing services, air taxi services and helicopter passenger transportation services to, from, or between local airports, whether or not scheduled.</t>
  </si>
  <si>
    <t>481211 - Nonscheduled Chartered Passenger Air Transportation</t>
  </si>
  <si>
    <t>481212 - Nonscheduled Chartered Freight Air Transportation</t>
  </si>
  <si>
    <t>481219 - Other Nonscheduled Air Transportation</t>
  </si>
  <si>
    <t>E4580</t>
  </si>
  <si>
    <t>AIRPORTS, FLYING FIELDS, &amp; SERVICES</t>
  </si>
  <si>
    <t>Establishments primarily engaged in operating and maintaining airports and flying fields; in servicing, repairing (except on a factory basis), maintaining, and storing aircraft; and in furnishing coordinated handling services for airfreight or passengers at airports.  This industry also includes private establishments primarily engaged in air traffic control operations.</t>
  </si>
  <si>
    <t>487990 - Scenic and Sightseeing Transportation, Other</t>
  </si>
  <si>
    <t>488111 - Air Traffic Control</t>
  </si>
  <si>
    <t>488119 - Other Airport Operations</t>
  </si>
  <si>
    <t>488190 - Other Support Activities for Air Transportation</t>
  </si>
  <si>
    <t>E4610</t>
  </si>
  <si>
    <t>PIPELINES, EXCEPT NATURAL GAS</t>
  </si>
  <si>
    <t>Establishments primarily engaged in the pipeline transportation of commodities, except natural gas.</t>
  </si>
  <si>
    <t>486110 - Pipeline Transportation of Crude Oil</t>
  </si>
  <si>
    <t>486910 - Pipeline Transportation of Refined Petroleum Products</t>
  </si>
  <si>
    <t>486990 - All Other Pipeline Transportation</t>
  </si>
  <si>
    <t>TRANSPORTATION SERVICES</t>
  </si>
  <si>
    <t>E4720</t>
  </si>
  <si>
    <t>PASSENGER TRANSPORTATION ARRANGEMENT</t>
  </si>
  <si>
    <t>Establishments primarily engaged in arranging passenger transportation such as ticket offices, not operated by transportation companies, for railroads, buses, ships, and airlines.</t>
  </si>
  <si>
    <t>561510 - Travel Agencies</t>
  </si>
  <si>
    <t>561520 - Tour Operators</t>
  </si>
  <si>
    <t>488999 - All Other Support Activities for Transportation</t>
  </si>
  <si>
    <t>561599 - All Other Travel Arrangement and Reservation Services</t>
  </si>
  <si>
    <t>E4724</t>
  </si>
  <si>
    <t>TRAVEL SERVICE</t>
  </si>
  <si>
    <t>E4730</t>
  </si>
  <si>
    <t>FREIGHT TRANSPORTATION ARRANGEMENT</t>
  </si>
  <si>
    <t>Establishments primarily engaged in furnishing shipping information and acting as agents in arranging transportation for freight and cargo.  Also included in this industry are freight forwarders which undertake the transportation of goods from the shippers to receivers for a charge covering the entire transportation, and, in turn, make use of the services of other transportation establishments as instrumentalities in effecting delivery.</t>
  </si>
  <si>
    <t>488510 - Freight Transportation Arrangement</t>
  </si>
  <si>
    <t>E4740</t>
  </si>
  <si>
    <t>RENTAL OF RAILROAD CARS</t>
  </si>
  <si>
    <t>E4780</t>
  </si>
  <si>
    <t>MISC TRANSPORTATION SERVICES</t>
  </si>
  <si>
    <t>Establishments primarily engaged in furnishing transportation or services incidental to transportation, not elsewhere classified.  Included in this industry are stockyards that do not buy, sell, or auction livestock; sleeping and dining car operations not performed by railroads; and horse-drawn cabs and carriages for hire.</t>
  </si>
  <si>
    <t>532411 - Commercial Air, Rail, and Water Transportation Equipment Rental and Leasing</t>
  </si>
  <si>
    <t>488991 - Packing and Crating</t>
  </si>
  <si>
    <t>E4790</t>
  </si>
  <si>
    <t>BUS SERVICES –TRANSIT VEHICLE/QUALITY ASSURANCE INSPECTION</t>
  </si>
  <si>
    <t>COMMUNICATIONS</t>
  </si>
  <si>
    <t>E4810</t>
  </si>
  <si>
    <t>TELEPHONE COMMUNICATIONS</t>
  </si>
  <si>
    <t>Establishments primarily engaged in furnishing telephone voice and data communications, except radiotelephone and telephone answering services.  This industry also includes establishments primarily engaged in leasing telephone lines or other methods of telephone transmission, such as optical fiber lines and microwave or satellite facilities, and reselling the use of such methods to others.</t>
  </si>
  <si>
    <t>517911 - Telecommunications Resellers</t>
  </si>
  <si>
    <t>E4820</t>
  </si>
  <si>
    <t>TELEGRAPH &amp; OTHER &amp; COMMUNICATIONS</t>
  </si>
  <si>
    <t>Establishments primarily engaged in furnishing telegraph and other nonvocal message communications services, such as cablegram, electronic mail, and facsimile transmission services.</t>
  </si>
  <si>
    <t>E4830</t>
  </si>
  <si>
    <t>RADIO &amp; TELEVISION BROADCASTING</t>
  </si>
  <si>
    <t>Establishments primarily engaged in broadcasting aural programs by radio to the public.  Included in this industry are commercial, religious, educational, and other radio stations.  Also included here are establishments primarily engaged in radio broadcasting and which produce radio program materials. Establishments primarily engaged in broadcasting visual programs by television to the public, except cable and other pay television services.  Included in this industry are commercial, religious, educational, and other television stations.  Also included here are establishments primarily engaged in television broadcasting and which produce taped television program materials.</t>
  </si>
  <si>
    <t>515111 - Radio Networks</t>
  </si>
  <si>
    <t>515112 - Radio Stations</t>
  </si>
  <si>
    <t>515120 - Television Broadcasting</t>
  </si>
  <si>
    <t>E4840</t>
  </si>
  <si>
    <t>CABLE &amp; OTHER PAY TV SERVICES</t>
  </si>
  <si>
    <t>Establishments primarily engaged in the dissemination of visual and textual television programs, on a subscription or fee basis.  Included in this industry are establishments which are primarily engaged in cablecasting and which also produce taped program materials.</t>
  </si>
  <si>
    <t>E4890</t>
  </si>
  <si>
    <t>COMMUNICATIONS SERVICES, NEC</t>
  </si>
  <si>
    <t>Establishments primarily engaged in furnishing communications services, not elsewhere classified.</t>
  </si>
  <si>
    <t>517410 - Satellite Telecommunications</t>
  </si>
  <si>
    <t>517919 - All Other Telecommunications</t>
  </si>
  <si>
    <t>812990 - All Other Personal Services</t>
  </si>
  <si>
    <t xml:space="preserve">ELECTRIC, GAS AND SANITARY SERVICES </t>
  </si>
  <si>
    <t>E4910</t>
  </si>
  <si>
    <t xml:space="preserve">ELECTRIC SERVICES   </t>
  </si>
  <si>
    <t>Establishments engaged in the generation, transmission, and/or distribution of electric energy for sale.</t>
  </si>
  <si>
    <t>221111 - Hydroelectric Power Generation</t>
  </si>
  <si>
    <t>221112 - Fossil Fuel Electric Power Generation</t>
  </si>
  <si>
    <t>221113 - Nuclear Electric Power Generation</t>
  </si>
  <si>
    <t>221119 - Other Electric Power Generation</t>
  </si>
  <si>
    <t>221121 - Electric Bulk Power Transmission and Control</t>
  </si>
  <si>
    <t>221122 - Electric Power Distribution</t>
  </si>
  <si>
    <t>E4920</t>
  </si>
  <si>
    <t>GAS PRODUCTION &amp; DISTRIBUTION</t>
  </si>
  <si>
    <t>Establishments engaged in both the transmission and distribution of natural gas for sale.</t>
  </si>
  <si>
    <t>486210 - Pipeline Transportation of Natural Gas</t>
  </si>
  <si>
    <t>221210 - Natural Gas Distribution</t>
  </si>
  <si>
    <t>E4930</t>
  </si>
  <si>
    <t>COMBINATION UTILITY SERVICES</t>
  </si>
  <si>
    <t> Establishments primarily engaged in providing combinations of electric, gas, and other services</t>
  </si>
  <si>
    <t>E4940</t>
  </si>
  <si>
    <t>WATER SUPPLY</t>
  </si>
  <si>
    <t>Establishments primarily engaged in distributing water for sale for domestic, commercial, and industrial use.</t>
  </si>
  <si>
    <t>E4950</t>
  </si>
  <si>
    <t>SANITARY SERVICES, NEC</t>
  </si>
  <si>
    <t>Establishments primarily engaged in furnishing sanitary services, not elsewhere classified</t>
  </si>
  <si>
    <t>E4952</t>
  </si>
  <si>
    <t>SEWERAGE SYSTEMS</t>
  </si>
  <si>
    <t>Establishments primarily engaged in the collection and disposal of wastes conducted through a sewer system, including such treatment processes as may be provided.</t>
  </si>
  <si>
    <t>E4953</t>
  </si>
  <si>
    <t>WASTE COLLECTION AND DISPOSAL</t>
  </si>
  <si>
    <t>Establishments primarily engaged in the collection and disposal of refuse by processing or destruction or in the operation of incinerators, waste treatment plants, landfills, or other sites for disposal of such materials.</t>
  </si>
  <si>
    <t>E4954</t>
  </si>
  <si>
    <t>HAZARDOUS WASTE COLLECTION AND DISPOSAL</t>
  </si>
  <si>
    <t>E4960</t>
  </si>
  <si>
    <t>STEAM &amp; AIR-CONDITIONING SUPPLY</t>
  </si>
  <si>
    <t>Establishments engaged in the production and/or distribution of steam and heated or cooled air for sale.</t>
  </si>
  <si>
    <t>E4970</t>
  </si>
  <si>
    <t>IRRIGATION SYSTEMS</t>
  </si>
  <si>
    <t>221310 - Water Supply and Irrigation Systems</t>
  </si>
  <si>
    <t>F.</t>
  </si>
  <si>
    <t>SUPPLIERS</t>
  </si>
  <si>
    <t>DURABLE GOOD</t>
  </si>
  <si>
    <t>F5030</t>
  </si>
  <si>
    <t>LUMBER AND CONSTRUCTION MATERIAL</t>
  </si>
  <si>
    <t>Establishments, with or without yards, primarily engaged in the wholesale distribution of rough, dressed, and finished lumber (but not timber); plywood; reconstituted wood fiber products; doors and windows and their frames (all materials); wood fencing; and other wood or metal millwork. Establishments primarily engaged in the wholesale distribution of stone, cement, lime, construction sand, and gravel; brick (except refractory); asphalt and concrete mixtures; and concrete, stone, and structural clay products (other than refractories). Establishments primarily engaged in the wholesale distribution of roofing and siding (except wood) and insulation materials.</t>
  </si>
  <si>
    <t>F5040</t>
  </si>
  <si>
    <t>PROFESSIONAL &amp; COMMERICAL EQUIPMENT</t>
  </si>
  <si>
    <t>Establishments primarily engaged in the wholesale distribution of commercial and related machines and equipment such as commercial cooking and food service equipment; partitions, shelving, lockers, and store fixtures; electrical signs; and balances and scales. Establishments primarily engaged in the wholesale distribution of professional equipment and supplies, such as drafting instruments, laboratory equipment, and scientific instruments.</t>
  </si>
  <si>
    <t>F5044</t>
  </si>
  <si>
    <t>OFFICE EQUIPMENT</t>
  </si>
  <si>
    <t>Establishments primarily engaged in the wholesale distribution of office machines and related equipment, including photocopy and microfilm equipment and safes and vaults.  These establishments frequently also sell office supplies.</t>
  </si>
  <si>
    <t>F5045</t>
  </si>
  <si>
    <t>COMPUTER PERIPHERALS &amp; SOFTWARE</t>
  </si>
  <si>
    <t>Establishments primarily engaged in the wholesale distribution of computers, computer peripheral equipment, and computer software.</t>
  </si>
  <si>
    <t>F5050</t>
  </si>
  <si>
    <t>METALS &amp; MINERALS, EXCEPT PETROLEUM</t>
  </si>
  <si>
    <t>Establishments primarily engaged in marketing semifinished metal and mineral products, except precious metals.  Establishments in this industry may operate with warehouses or without warehouses.</t>
  </si>
  <si>
    <t>F5060</t>
  </si>
  <si>
    <t>ELECTRICAL GOODS</t>
  </si>
  <si>
    <t>This industry group includes establishments primarily engaged in the wholesale distribution of electrical generating, distributing, and wiring equipment.  It also includes household appliances, whether electrically, manually, or mechanically powered.</t>
  </si>
  <si>
    <t>F5061</t>
  </si>
  <si>
    <t>ELECTRONIC COMPONENTS, N.E.C.</t>
  </si>
  <si>
    <t>Establishments primarily engaged in the wholesale distribution of electronic parts and electronic communications equipment, not elsewhere classified, such as telephone and telegraphic equipment; radio and television broadcasting and communications equipment; and intercommunications equipment.</t>
  </si>
  <si>
    <t>F5062</t>
  </si>
  <si>
    <t>ELECTRONIC COMPONENTS – COILS, TRANSFORMERS &amp; OTHER INDUCTORS</t>
  </si>
  <si>
    <t>F5063</t>
  </si>
  <si>
    <t xml:space="preserve">ELECTRONIC COMPONENTS – CONNECTORS </t>
  </si>
  <si>
    <t>F5064</t>
  </si>
  <si>
    <t xml:space="preserve">ELECTRONIC COMPONENTS – PRINTED CIRCUIT BOARDS </t>
  </si>
  <si>
    <t>F5065</t>
  </si>
  <si>
    <t>ELECTRONIC COMPONENTS – SEMICONDUCTOR &amp; RELATED DEVICES</t>
  </si>
  <si>
    <t>F5070</t>
  </si>
  <si>
    <t>HARDWARE, PLUMBING &amp; HEATING EQUIPMENT</t>
  </si>
  <si>
    <t>Establishments primarily engaged in the wholesale distribution of cutlery and general hardware, including handsaws; saw blades; brads, staples, and tacks; and bolts, nuts, rivets, and screws. Establishments primarily engaged in the wholesale distribution of hydronic plumbing and heating equipment and supplies.</t>
  </si>
  <si>
    <t>F5080</t>
  </si>
  <si>
    <t>MICHINERY, EQUIPMENT, &amp; SUPPLIES</t>
  </si>
  <si>
    <t>F5081</t>
  </si>
  <si>
    <t>RAILROAD SAFETY EQUIPMENT</t>
  </si>
  <si>
    <t>F5082</t>
  </si>
  <si>
    <t>TRANSIT RAIL SUPPLIES</t>
  </si>
  <si>
    <t>F5083</t>
  </si>
  <si>
    <t>LOCOMOTIVE PARTS</t>
  </si>
  <si>
    <t>F5085</t>
  </si>
  <si>
    <t>COMPUTER EQUIPMENT &amp; SUPPLIES</t>
  </si>
  <si>
    <t>F5088</t>
  </si>
  <si>
    <t>TRANSPORTATION EQUIPMENT &amp; SUPPLIES</t>
  </si>
  <si>
    <t>Establishments primarily engaged in the wholesale distribution of transportation equipment and supplies.</t>
  </si>
  <si>
    <t>F5089</t>
  </si>
  <si>
    <t>BUS PARTS AND SUPPLIES</t>
  </si>
  <si>
    <t>F5090</t>
  </si>
  <si>
    <t>MISC DURABLE GOODS</t>
  </si>
  <si>
    <t>Establishments primarily engaged in the wholesale distribution of durable goods, not elsewhere classified, such as musical instruments and forest products, except lumber.</t>
  </si>
  <si>
    <t>F5095</t>
  </si>
  <si>
    <t>DECALS, SIGNS</t>
  </si>
  <si>
    <t>NON DURABLE GOODS</t>
  </si>
  <si>
    <t>F5110</t>
  </si>
  <si>
    <t>PAPER &amp; PAPER PRODUCTS</t>
  </si>
  <si>
    <t>Establishments primarily engaged in the wholesale distribution of printing and writing paper, including envelope paper; fine paper; and groundwood paper, computer and photocopy supplies, envelopes, typewriter paper, file cards and folders, pens, pencils, social stationery, and greeting cards.</t>
  </si>
  <si>
    <t>F5130</t>
  </si>
  <si>
    <t>APPAREL, PIECE GOODS, &amp; NOTIONS</t>
  </si>
  <si>
    <t>Establishments primarily engaged in the wholesale distribution of piece goods or yard goods of natural or manmade fibers, notions (sewing and hair accessories, etc.), and other dry goods.  Converters who buy fabric goods (except knit goods) in the grey, have them finished on contract, and sell at wholesale are included here.</t>
  </si>
  <si>
    <t>F5131</t>
  </si>
  <si>
    <t>PATCHES, PINS</t>
  </si>
  <si>
    <t>F5132</t>
  </si>
  <si>
    <t>UNIFORMS</t>
  </si>
  <si>
    <t>F5133</t>
  </si>
  <si>
    <t>AWARDS, BADGES AND NAMETAGS</t>
  </si>
  <si>
    <t>F5140</t>
  </si>
  <si>
    <t>GROCERIES &amp; RELATED PRODUCTS</t>
  </si>
  <si>
    <t>Establishments primarily engaged in the wholesale distribution of a general line of groceries.</t>
  </si>
  <si>
    <t>F5150</t>
  </si>
  <si>
    <t>FARM-PRODUCT RAW MATERIALS</t>
  </si>
  <si>
    <t>Establishments primarily engaged in buying and/or marketing farm products such as grain and livestock.</t>
  </si>
  <si>
    <t>F5160</t>
  </si>
  <si>
    <t>CHEMICALS &amp; APPLIED PRODUCTS</t>
  </si>
  <si>
    <t>Establishments primarily engaged in the wholesale distribution of chemicals and allied products, such as acids, industrial and heavy chemicals, dyestuffs, industrial salts, rosin, and turpentine.</t>
  </si>
  <si>
    <t>F5161</t>
  </si>
  <si>
    <t>CHEMICALS &amp; APPLIED PRODUCTS WHOLESALERS/DISTRIBUTORS</t>
  </si>
  <si>
    <t>Establishments primarily engaged in the wholesale distribution of all chemicals and allied products.</t>
  </si>
  <si>
    <t>F5170</t>
  </si>
  <si>
    <t>PETROLEUM &amp; PETROLEUM PRODUCTS</t>
  </si>
  <si>
    <t>Establishments primarily engaged in the wholesale distribution of petroleum and petroleum products, except those with bulk liquid storage facilities.  Included are packaged and bottled petroleum products distributors, truck jobbers, and others marketing petroleum and its products at wholesale, but without bulk liquid storage facilities.</t>
  </si>
  <si>
    <t>F5171</t>
  </si>
  <si>
    <t>LUBRICANTS</t>
  </si>
  <si>
    <t>F5180</t>
  </si>
  <si>
    <t>BEER, WINE, &amp; DISTILLED BEVERAGES</t>
  </si>
  <si>
    <t>Establishments primarily engaged in the wholesale distribution of beer, ale, porter, and other fermented malt beverages. Establishments primarily engaged in the wholesale distribution of distilled spirits, including neutral spirits and ethyl alcohol used in blended wines and distilled liquors.</t>
  </si>
  <si>
    <t>F5190</t>
  </si>
  <si>
    <t>MISC NONDURABLE GOODS</t>
  </si>
  <si>
    <t>Establishments primarily engaged in the wholesale distribution of nondurable goods, not elsewhere classified, such as art goods, industrial yarns, textile bags, and bagging and burlap.</t>
  </si>
  <si>
    <t>BUILDING MATERIALS &amp; GARDEN SUPPLIES</t>
  </si>
  <si>
    <t>F5210</t>
  </si>
  <si>
    <t>LUMBER &amp; OTHER BUILDING MATERIALS</t>
  </si>
  <si>
    <t>Establishments engaged in selling primarily lumber, or lumber and a general line of building materials, to the general public.  While these establishments may sell primarily to construction contractors, they are known as retail in the trade.  The lumber which they sell may include rough and dressed lumber, flooring, molding, doors, sashes, frames, and other millwork.  The building materials may include roofing, siding, shingles, wallboard, paint, brick, tile, cement, sand, gravel, and other building materials and supplies.  Hardware is often an important line sold by retail lumber and building materials dealers.</t>
  </si>
  <si>
    <t>F5230</t>
  </si>
  <si>
    <t>PAINT, GLASS, &amp; WALLPAPER STORES</t>
  </si>
  <si>
    <t>Establishments engaged in selling primarily paint, glass, and wallpaper, or any combination of these lines, to the general public.  While these establishments may sell primarily to construction contractors, they are known as retail in the trade.  Establishments which do not sell to the general public or are known in the trade as wholesale are classified in Wholesale Trade.</t>
  </si>
  <si>
    <t>F5251</t>
  </si>
  <si>
    <t>HARDWARE STORES</t>
  </si>
  <si>
    <t>This industry comprises establishments known as hardware stores primarily engaged in retailing a general line of new hardware items, such as tools and builders' hardware.</t>
  </si>
  <si>
    <t>F5260</t>
  </si>
  <si>
    <t>RETAIL NURSERIES &amp; GARDEN STORES</t>
  </si>
  <si>
    <t xml:space="preserve">This U.S. industry comprises establishments primarily engaged in; growing nursery products, nursery stock, shrubbery, bulbs, fruit stock, sod, and so forth, under cover or in open fields. </t>
  </si>
  <si>
    <t>F5270</t>
  </si>
  <si>
    <t>MOBILE HOME DEALERS</t>
  </si>
  <si>
    <t>Establishments primarily engaged in the retail sale of new and used mobile homes, parts, and equipment.</t>
  </si>
  <si>
    <t xml:space="preserve">GENERAL MERCHANDISE STORES </t>
  </si>
  <si>
    <t>F5310</t>
  </si>
  <si>
    <t>DEPARTMENT STORES</t>
  </si>
  <si>
    <t>This industry comprises establishments known as department stores that have separate departments for various merchandise lines, such as apparel, jewelry, home furnishings, and linens, each with separate cash registers and sales associates. Department stores in this industry generally do not have central customer checkout and cash register facilities.</t>
  </si>
  <si>
    <t>F5330</t>
  </si>
  <si>
    <t>VARIETY STORES</t>
  </si>
  <si>
    <t xml:space="preserve">This industry comprises establishments primarily engaged in retailing new goods in general merchandise stores (except department stores, warehouse clubs, superstores, and supercenters). These establishments retail a general line of new merchandise, such as apparel, automotive parts, dry goods, hardware, groceries, housewares or home furnishings, and other lines in limited amounts, with none of the lines predominating. </t>
  </si>
  <si>
    <t>F5390</t>
  </si>
  <si>
    <t>MISC GENERAL MERCHANDISE STORES</t>
  </si>
  <si>
    <t>Establishments primarily engaged in the retail sale of a general line of apparel, dry goods, hardware, housewares or homefurnishings, groceries, and other lines in limited amounts.  Stores selling commodities covered in the definition for department stores, but normally having less than 50 employees, and stores usually known as country general stores are included in this industry.</t>
  </si>
  <si>
    <t>FOOD STORES</t>
  </si>
  <si>
    <t>F5410</t>
  </si>
  <si>
    <t>GROCERY STORES</t>
  </si>
  <si>
    <t>Stores, commonly known as supermarkets, food stores, and grocery stores, primarily engaged in the retail sale of all sorts of canned foods and dry goods, such as tea, coffee, spices, sugar, and flour; fresh fruits and vegetables; and fresh and prepared meats, fish, and poultry.</t>
  </si>
  <si>
    <t>F5420</t>
  </si>
  <si>
    <t>MEAT &amp; FISH MARKETS</t>
  </si>
  <si>
    <t>This industry comprises establishments primarily engaged in retailing fresh, frozen, or cured meats and poultry. Delicatessen-type establishments primarily engaged in retailing fresh meat are included in this industry.</t>
  </si>
  <si>
    <t>F5430</t>
  </si>
  <si>
    <t>FRUIT &amp; VEGETABLE MARKETS</t>
  </si>
  <si>
    <t>This industry comprises establishments primarily engaged in retailing fresh fruits and vegetables.</t>
  </si>
  <si>
    <t>F5440</t>
  </si>
  <si>
    <t>CANDY, NUT, &amp; CONFECTIONERY STORES</t>
  </si>
  <si>
    <t>Establishments primarily engaged in the retail sale of candy, nuts, popcorn, and other confections.</t>
  </si>
  <si>
    <t>F5450</t>
  </si>
  <si>
    <t>DAIRY PRODUCTS STORES</t>
  </si>
  <si>
    <t>Establishments primarily engaged in the retail sale of packaged dairy products to over-the-counter customers.</t>
  </si>
  <si>
    <t>F5460</t>
  </si>
  <si>
    <t>RETAIL BAKERIES</t>
  </si>
  <si>
    <t>Establishments primarily engaged in the retail sale of bakery products.  The products may be purchased from others or made on the premises.</t>
  </si>
  <si>
    <t>F5490</t>
  </si>
  <si>
    <t>MISC FOOD STORES</t>
  </si>
  <si>
    <t>Establishments primarily engaged in the retail sale of specialized foods, not elsewhere classified, such as eggs, poultry, health foods, spices, herbs, coffee, and tea.  The poultry stores may sell live poultry, slaughter and clean poultry for their own account, and sell dressed fowls, or sell fowls cleaned and dressed by others.</t>
  </si>
  <si>
    <t>AUTOMOTIVE DEALERS &amp; SERVICE STATIONS</t>
  </si>
  <si>
    <t>F5510</t>
  </si>
  <si>
    <t>NEW &amp; USED CAR DEALERS</t>
  </si>
  <si>
    <t>Establishments primarily engaged in the retail sale of new automobiles or new and used automobiles.  These establishments frequently maintain repair departments and carry stocks of replacement parts, tires, batteries, and automotive accessories.  These establishments also frequently sell pickups and vans at retail.</t>
  </si>
  <si>
    <t>F5520</t>
  </si>
  <si>
    <t>USED CAR DEALERS</t>
  </si>
  <si>
    <t>Establishments primarily engaged in the retail sale of used cars only, with no sales of new automobiles.  These establishments also frequently sell used pickups and vans at retail.</t>
  </si>
  <si>
    <t>F5530</t>
  </si>
  <si>
    <t>AUTO &amp; HOME SUPPLY STORES</t>
  </si>
  <si>
    <t>Establishments primarily engaged in the retail sale of new automobile tires, batteries, and other automobile parts and accessories.  Such establishments frequently sell a substantial amount of home appliances, radios, and television sets.</t>
  </si>
  <si>
    <t>441310 - Automotive Parts and Accessories Stores</t>
  </si>
  <si>
    <t>441320 - Tire Dealers</t>
  </si>
  <si>
    <t>F5540</t>
  </si>
  <si>
    <t>GASOLINE SERVICE STATIONS</t>
  </si>
  <si>
    <t>Gasoline service stations primarily engaged in selling gasoline and lubricating oils.  These establishments frequently sell other merchandise, such as tires, batteries, and other automobile parts, or perform minor repair work.  Gasoline stations combined with other activities, such as grocery stores, convenience stores, or carwashes, are classified according to the primary activity.</t>
  </si>
  <si>
    <t>447110 - Gasoline Stations with Convenience Stores</t>
  </si>
  <si>
    <t>F5550</t>
  </si>
  <si>
    <t>BOAT DEALERS</t>
  </si>
  <si>
    <t>Establishments primarily engaged in the retail sale of new and used motorboats and other watercraft, marine supplies, and outboard motors.</t>
  </si>
  <si>
    <t>F5560</t>
  </si>
  <si>
    <t>RECREATIONAL VEHICLE DEALERS</t>
  </si>
  <si>
    <t>Establishments primarily engaged in the retail sale of new and used motor homes, recreational trailers, and campers (pickup coaches).</t>
  </si>
  <si>
    <t>F5570</t>
  </si>
  <si>
    <t>MOTOCYCLE DEALERS</t>
  </si>
  <si>
    <t>Industry comprises establishments primarily engaged in retailing new and/or used motorcycles, motor scooters, motor bikes, mopeds, off-road all-terrain vehicles, and personal watercraft, or retailing these new vehicles in combination with repair services and selling replacement parts and accessories.</t>
  </si>
  <si>
    <t>F5590</t>
  </si>
  <si>
    <t>AUTOMOTIVE DEALERS, NEC</t>
  </si>
  <si>
    <t>Establishments primarily engaged in the retail sale of new and used automotive vehicles, utility trailers, and automotive equipment and supplies, not elsewhere classified, such as snowmobiles, dunebuggies, and gocarts.  Also included in this industry are establishments primarily engaged in the retail sale of aircraft.</t>
  </si>
  <si>
    <t>APPAREL AND ACCESSORY STORES</t>
  </si>
  <si>
    <t>F5610</t>
  </si>
  <si>
    <t>MEN’S AND BOYS’ CLOTHING STORES</t>
  </si>
  <si>
    <t>Establishments primarily engaged in the retail sale of men's and boys' ready-to-wear clothing and accessories.</t>
  </si>
  <si>
    <t>448150 - Clothing Accessories Stores</t>
  </si>
  <si>
    <t>F5620</t>
  </si>
  <si>
    <t>WOMEN’S CLOTHING STORES</t>
  </si>
  <si>
    <t>Establishments primarily engaged in the retail sale of a general line of women's ready-to-wear clothing.  This industry also includes establishments primarily engaged in the specialized retail sale of women's coats, suits, and dresses.</t>
  </si>
  <si>
    <t>F5630</t>
  </si>
  <si>
    <t>WOMEN’S ACCESSORY</t>
  </si>
  <si>
    <t>Establishments primarily engaged in the retail sale of women's clothing accessories and specialties, such as millinery, blouses, foundation garments, lingerie, hosiery, costume jewelry, gloves, handbags, and furs (including custom made furs).</t>
  </si>
  <si>
    <t>448190 - Other Clothing Stores</t>
  </si>
  <si>
    <t>F5640</t>
  </si>
  <si>
    <t>CHILDREN’S &amp; INFANTS’ WEAR STORES</t>
  </si>
  <si>
    <t>Establishments primarily engaged in the retail sale of children's and infants' clothing, furnishings, and accessories.  Such establishments may specialize in either children's or infants' wear or they may sell a combination of children's and infants' wear.</t>
  </si>
  <si>
    <t>448130 - Children's and Infants' Clothing Stores</t>
  </si>
  <si>
    <t>F5650</t>
  </si>
  <si>
    <t>FAMILY CLOTHING STORES</t>
  </si>
  <si>
    <t>Establishments primarily engaged in the retail sale of clothing, furnishings, and accessories for men, women, and children, without specializing in sales for an individual sex or age group .</t>
  </si>
  <si>
    <t>F5660</t>
  </si>
  <si>
    <t>SHOE STORES</t>
  </si>
  <si>
    <t>Establishments primarily engaged in the retail sale of men's, women's, and children's footwear, including athletic footwear.  These establishments frequently carry accessory lines, such as hosiery, gloves, and handbags.</t>
  </si>
  <si>
    <t>F5690</t>
  </si>
  <si>
    <t>MISC APPAREL &amp; ACCESSORY STORES</t>
  </si>
  <si>
    <t>Establishments primarily engaged in the retail sale of specialized lines of apparel and accessories, not elsewhere classified, such as uniforms, bathing suits, raincoats, riding apparel, sports apparel, umbrellas, wigs, and toupees.  This industry also includes custom tailors primarily engaged in making and selling men's and women's clothing, except fur apparel.</t>
  </si>
  <si>
    <t>FURNITURE AND HOMEFURNISHING STORES</t>
  </si>
  <si>
    <t>F5710</t>
  </si>
  <si>
    <t>FURNITURE &amp; HOME FURNISHINGS STORES</t>
  </si>
  <si>
    <t>Establishments primarily engaged in the retail sale of miscellaneous homefurnishings, such as china, glassware, and metalware for kitchen and table use; bedding and linen; brooms and brushes; lamps and shades; mirrors and pictures; venetian blinds; and window shades.</t>
  </si>
  <si>
    <t>F5720</t>
  </si>
  <si>
    <t>HOUSEHOLD APPLIANCE STORES</t>
  </si>
  <si>
    <t>Establishments primarily engaged in the retail sale of electric and gas refrigerators, stoves, and other household appliances, such as electric irons, percolators, hot plates, and vacuum cleaners.  Many such stores also sell radio and television sets.  Retail stores operated by public utility companies and primarily engaged in the sale of electric and gas appliances for household use are classified in this industry.</t>
  </si>
  <si>
    <t>F5730</t>
  </si>
  <si>
    <t>RADIO, TELEVISION, &amp; COMPUTER STORES</t>
  </si>
  <si>
    <t>Establishments primarily engaged in the retail sale of radios, television sets, record players, stereo equipment, sound reproducing equipment, and other consumer audio and video electronics equipment (including automotive).  Such establishments may also sell additional lines, such as household appliances; computers, computer peripheral equipment, and software; musical instruments; or records and prerecorded tapes.  Establishments in this industry may perform incidental installation and repair work on radios, television sets, and other consumer electronic equipment.</t>
  </si>
  <si>
    <t>EATING AND DRINKING PLACES</t>
  </si>
  <si>
    <t>F5810</t>
  </si>
  <si>
    <t>EATING &amp; DRINKING PLACES</t>
  </si>
  <si>
    <t>Establishments primarily engaged in the retail sale of prepared food and drinks for on-premise or immediate consumption.  Caterers and industrial and institutional food service establishments are also included in this industry. Establishments primarily engaged in the retail sale of alcoholic drinks, such as beer, ale, wine, and liquor, for consumption on the premises.  The sale of food frequently accounts for a substantial portion of the receipts of these establishments.</t>
  </si>
  <si>
    <t>711110 - Theater Companies and Dinner Theaters</t>
  </si>
  <si>
    <t>722310 - Food Service Contractors</t>
  </si>
  <si>
    <t>722410 - Drinking Places (Alcoholic Beverages)</t>
  </si>
  <si>
    <t>F5820</t>
  </si>
  <si>
    <t>CATERING</t>
  </si>
  <si>
    <t>Comprised of establishments primarily engaged in providing single event-based food services. These establishments generally have equipment and vehicles to transport meals and snacks to events and/or prepare food at an off-premise site. Banquet halls with catering staff are included in this industry. Examples of events catered by establishments in this industry are graduation parties, wedding receptions, business or retirement luncheons, and trade shows.</t>
  </si>
  <si>
    <t>MISCELLANEOUS RETAIL</t>
  </si>
  <si>
    <t>F5910</t>
  </si>
  <si>
    <t>DRUG STORES &amp; PROPRIETARY STORES</t>
  </si>
  <si>
    <t>446110 - Pharmacies and Drug Stores</t>
  </si>
  <si>
    <t>F5920</t>
  </si>
  <si>
    <t>LIQUOR STORES</t>
  </si>
  <si>
    <t>Establishments primarily engaged in the retail sale of packaged alcoholic beverages, such as ale, beer, wine, and liquor, for consumption off the premises.</t>
  </si>
  <si>
    <t>F5930</t>
  </si>
  <si>
    <t>USED MERCHANDISE STORES</t>
  </si>
  <si>
    <t>This industry includes stores primarily engaged in the retail sale of used merchandise, antiques, and secondhand goods, such as clothing and shoes; furniture; books and rare manuscripts; musical instruments; office furniture; phonographs and phonograph records; and store fixtures and equipment.  This industry also includes pawnshops.</t>
  </si>
  <si>
    <t>F5940</t>
  </si>
  <si>
    <t>MISC SHOPPING GOODS STORES</t>
  </si>
  <si>
    <t>Establishments primarily engaged in the retail sale of sporting goods, books, stationary, hobby, gift, and novelty.</t>
  </si>
  <si>
    <t>F5960</t>
  </si>
  <si>
    <t>NONSTORE RETAILERS</t>
  </si>
  <si>
    <t>Establishments primarily engaged in the retail sale of products by television, catalog, and mail-order.  These establishments do not ordinarily maintain stock for sale on the premises.  Separate stores operated by catalog and mail-order houses for the retail sale of products on the premises are classified according to the product sold.</t>
  </si>
  <si>
    <t>F5970</t>
  </si>
  <si>
    <t>RADIATORS</t>
  </si>
  <si>
    <t>F5980</t>
  </si>
  <si>
    <t>FUEL DEALERS</t>
  </si>
  <si>
    <t>Establishments primarily engaged in the retail sale of fuel oil.</t>
  </si>
  <si>
    <t>RETAIL STORES, NEC</t>
  </si>
  <si>
    <t>Establishments primarily engaged in the retail sale of specialized lines of merchandise, not elsewhere classified, such as artists' supplies; orthopedic and artificial limbs; rubber stamps; pets; religious goods; and monuments and tombstones.  This industry also includes establishments primarily engaged in selling a general line of their own or consigned merchandise at retail on an auction basis.</t>
  </si>
  <si>
    <t>F5992</t>
  </si>
  <si>
    <t>FLORIST</t>
  </si>
  <si>
    <t>This industry comprises establishments known as florists primarily engaged in retailing cut flowers, floral arrangements, and potted plants purchased from others. These establishments usually prepare the arrangements they sell.</t>
  </si>
  <si>
    <t>FINANCE, INSURANCE AND REAL ESTATE</t>
  </si>
  <si>
    <t>DEPOSITORY INSTITUTIONS</t>
  </si>
  <si>
    <t>H6010</t>
  </si>
  <si>
    <t>CENTRAL RESERVE DEPOSITORIES</t>
  </si>
  <si>
    <t>H6020</t>
  </si>
  <si>
    <t>COMMERCIAL BANKS</t>
  </si>
  <si>
    <t>Commercial banks and trust companies (accepting deposits) chartered under the National Bank Act.</t>
  </si>
  <si>
    <t>H6030</t>
  </si>
  <si>
    <t>SAVINGS INSTITUTIONS</t>
  </si>
  <si>
    <t>Federally chartered savings institutions (accepting deposits) operating under Federal charter.</t>
  </si>
  <si>
    <t>H6060</t>
  </si>
  <si>
    <t>CREDIT UNIONS</t>
  </si>
  <si>
    <t>This industry comprises establishments primarily engaged in accepting members' share deposits in cooperatives that are organized to offer consumer loans to their members.</t>
  </si>
  <si>
    <t>H6080</t>
  </si>
  <si>
    <t>FOREIGN BANK &amp; BRANCHES &amp; AGENCIES</t>
  </si>
  <si>
    <t>This industry comprises establishments primarily engaged in accepting demand and other deposits and making commercial, industrial, and consumer loans. Commercial banks and branches of foreign banks are included in this industry.</t>
  </si>
  <si>
    <t>522293 - International Trade Financing</t>
  </si>
  <si>
    <t>NONDEPOSITORY INSTITUTIONS</t>
  </si>
  <si>
    <t>H6090</t>
  </si>
  <si>
    <t>FUNCTIONS CLOSELY RELATED TO BANKING</t>
  </si>
  <si>
    <t>Establishments primarily engaged in performing functions related to depository banking, such as check cashing, electronic funds transfers, and money order issuance.</t>
  </si>
  <si>
    <t>523991 - Trust, Fiduciary, and Custody Activities</t>
  </si>
  <si>
    <t>523130 - Commodity Contracts Dealing</t>
  </si>
  <si>
    <t>H6110</t>
  </si>
  <si>
    <t>FEDERAL &amp; FED.-SPONSORED CREDIT</t>
  </si>
  <si>
    <t>Establishments of the Federal Government and federally-sponsored credit agencies primarily engaged in guaranteeing, insuring, or making loans.  Federally-sponsored credit agencies are established under authority of Federal legislation, but are not regarded as part of the Government.  They are often owned by their members or borrowers.</t>
  </si>
  <si>
    <t>H6140</t>
  </si>
  <si>
    <t>PERSONAL CREDIT INSTITUTIONS</t>
  </si>
  <si>
    <t>Establishments primarily engaged in providing loans to individuals.  Also included in this industry are establishments primarily engaged in financing retail sales made on the installment plan and financing automobile loans for individuals.</t>
  </si>
  <si>
    <t>H6150</t>
  </si>
  <si>
    <t>BUSINESS CREDIT INSTITUTIONS</t>
  </si>
  <si>
    <t>Establishments primarily engaged in extending credit to business enterprises.</t>
  </si>
  <si>
    <t>H6160</t>
  </si>
  <si>
    <t>MORTGAGE BANKERS &amp; BROKERS</t>
  </si>
  <si>
    <t>Establishments primarily engaged in originating mortgage loans, selling mortgage loans to permanent investors, and servicing these loans.  They may also provide real estate construction loans. Establishments primarily engaged in arranging loans for others.  These establishments operate mostly on a commission or fee basis and do not ordinarily have any continuing relationship with either borrower or lender.</t>
  </si>
  <si>
    <t>SECURITY AND COMMODITY BROKERS</t>
  </si>
  <si>
    <t>H6210</t>
  </si>
  <si>
    <t>SECURITY BROKERS &amp; DEALERS</t>
  </si>
  <si>
    <t>Establishments primarily engaged in the purchase, sale, and brokerage of securities; and those, generally known as investment bankers, primarily engaged in originating, underwriting, and distributing issues of securities.</t>
  </si>
  <si>
    <t>523110 - Investment Banking and Securities Dealing</t>
  </si>
  <si>
    <t>523120 - Securities Brokerage</t>
  </si>
  <si>
    <t>523999 - Miscellaneous Financial Investment Activities</t>
  </si>
  <si>
    <t>H6220</t>
  </si>
  <si>
    <t>COMMODITY CONTRACTS BROKERS, DEALERS</t>
  </si>
  <si>
    <t>Establishments primarily engaged in buying and selling commodity contracts on either a spot or future basis for their own account or for the account of others.  These establishments are members, or are associated with members, of recognized commodity exchanges.  Establishments primarily engaged in buying and selling commodities are classified in Wholesale Trade.</t>
  </si>
  <si>
    <t>523140 - Commodity Contracts Brokerage</t>
  </si>
  <si>
    <t>H6230</t>
  </si>
  <si>
    <t>SECURITY &amp; COMMODITY EXCHANGES</t>
  </si>
  <si>
    <t>Establishments primarily engaged in furnishing space and other facilities to members for the purpose of buying, selling, or otherwise trading in stocks, stock options, bonds, or commodity contracts.</t>
  </si>
  <si>
    <t>523210 - Securities and Commodity Exchanges</t>
  </si>
  <si>
    <t>H6280</t>
  </si>
  <si>
    <t>SECURITY &amp; COMMODITY SERVICES</t>
  </si>
  <si>
    <t>Establishments primarily engaged in furnishing services to security or commodity holders, brokers, or dealers, such as, exchange in clearinghouses, financial reporting, quotation service, and stock transfer agents.</t>
  </si>
  <si>
    <t>523920 - Portfolio Management</t>
  </si>
  <si>
    <t>523930 - Investment Advice</t>
  </si>
  <si>
    <t>INSURANCE CARRIERS</t>
  </si>
  <si>
    <t>H6310</t>
  </si>
  <si>
    <t>LIFE INSURANCE</t>
  </si>
  <si>
    <t>Establishments primarily engaged in underwriting life insurance.  These establishments are operated by enterprises that may be owned by stockholders, policyholders, or other carriers.</t>
  </si>
  <si>
    <t>H6320</t>
  </si>
  <si>
    <t>MEDICAL SERVICE &amp; HEALTH INSURANCE</t>
  </si>
  <si>
    <t>Establishments primarily engaged in underwriting accident and health insurance.  This industry includes establishments which provide health insurance protection for disability income losses and medical expense coverage on an indemnity basis.  These establishments are operated by enterprises that may be owned by stockholders, policyholders, or other carriers.</t>
  </si>
  <si>
    <t>H6330</t>
  </si>
  <si>
    <t>FIRE, MARINE, &amp; CASUALTY INSURANCE</t>
  </si>
  <si>
    <t>Establishments primarily engaged in underwriting fire, marine, and casualty insurance.  These establishments are operated by enterprises that may be owned by stockholders, policyholders, or other carriers.</t>
  </si>
  <si>
    <t>H6350</t>
  </si>
  <si>
    <t>SURETY INSURANCE</t>
  </si>
  <si>
    <t>Establishments primarily engaged in underwriting financial responsibility insurance.</t>
  </si>
  <si>
    <t>H6360</t>
  </si>
  <si>
    <t>TITLE INSURANCE</t>
  </si>
  <si>
    <t>Establishments primarily engaged in underwriting insurance to protect the owner of real estate, or lenders of money thereon, against loss sustained by reason of any defect of title.</t>
  </si>
  <si>
    <t>H6370</t>
  </si>
  <si>
    <t>PENSION, HEALTH, &amp; WELFARE FUNDS</t>
  </si>
  <si>
    <t>Establishments primarily engaged in managing pension, retirement, health, and welfare funds.</t>
  </si>
  <si>
    <t>H6390</t>
  </si>
  <si>
    <t>INSURANCE CARRIERS, NEC</t>
  </si>
  <si>
    <t>Establishments primarily engaged in underwriting insurance, not elsewhere classified, such as insuring bank deposits and shares in savings and loan associations.</t>
  </si>
  <si>
    <t>INSURANCE AGENTS, BROKERS, &amp; SERVICES</t>
  </si>
  <si>
    <t>H6410</t>
  </si>
  <si>
    <t>INSURANCE AGENTS, BROKERS, &amp; SERVICE</t>
  </si>
  <si>
    <t>Agents primarily representing one or more insurance carriers, or brokers not representing any particular carriers primarily engaged as independent contractors in the sale or placement of insurance contracts with carriers, but not employees of the insurance carriers they represent.  This industry also includes independent organizations concerned with insurance services.</t>
  </si>
  <si>
    <t>524210 - Insurance Agencies and Brokerages</t>
  </si>
  <si>
    <t>H6420</t>
  </si>
  <si>
    <t>BONDING</t>
  </si>
  <si>
    <t>H6430</t>
  </si>
  <si>
    <t>RISK MANAGEMENT</t>
  </si>
  <si>
    <t>REAL ESTATE</t>
  </si>
  <si>
    <t>H6510</t>
  </si>
  <si>
    <t>REAL ESTATE OPERATORS &amp; LESSORS</t>
  </si>
  <si>
    <t>Establishments primarily engaged in the operation of nonresidential, apartment, dwelling, or mobile home sites.</t>
  </si>
  <si>
    <t>H6530</t>
  </si>
  <si>
    <t>REAL ESTATE AGENTS &amp; MANAGERS</t>
  </si>
  <si>
    <t>531210 - Offices of Real Estate Agents and Brokers</t>
  </si>
  <si>
    <t>H6531</t>
  </si>
  <si>
    <t>REAL ESTATE APPRAISERS &amp; BROKERS</t>
  </si>
  <si>
    <t>531390 - Other Activities Related to Real Estate</t>
  </si>
  <si>
    <t>H6532</t>
  </si>
  <si>
    <t>COMMERICAL REAL ESTATE APPRIASERS</t>
  </si>
  <si>
    <t>H6533</t>
  </si>
  <si>
    <t>BUSINESS APPRAISERS</t>
  </si>
  <si>
    <t>H6534</t>
  </si>
  <si>
    <t>ACQUISTION  (EMINENT DOMAIN) CONSULTANTS</t>
  </si>
  <si>
    <t>H6540</t>
  </si>
  <si>
    <t>TITLE ABSTRACT OFFICES</t>
  </si>
  <si>
    <t>Establishments primarily engaged in searching real estate titles.</t>
  </si>
  <si>
    <t>541191 - Title Abstract and Settlement Offices</t>
  </si>
  <si>
    <t>H6550</t>
  </si>
  <si>
    <t>SUBDIVIDERS &amp; DEVELOPERS</t>
  </si>
  <si>
    <t>Establishments primarily engaged in subdividing real property into lots, except cemetery lots, and in developing it for resale on their own account.</t>
  </si>
  <si>
    <t>237210 - Land Subdivision</t>
  </si>
  <si>
    <t xml:space="preserve">HOLDING AND OTHER INVESTMENT OFFICES </t>
  </si>
  <si>
    <t>H6710</t>
  </si>
  <si>
    <t>HOLDING OFFICES</t>
  </si>
  <si>
    <t xml:space="preserve">Industry comprises legal entities known as holding companies (except bank holding) primarily engaged in holding the securities of (or other equity interests in) companies and enterprises for the purpose of owning a controlling interest or influencing the management decisions of these firms. The holding companies in this industry do not administer, oversee, and manage other establishments of the company or enterprise whose securities they hold. </t>
  </si>
  <si>
    <t>H6720</t>
  </si>
  <si>
    <t>INVESTMENT OFFICES</t>
  </si>
  <si>
    <t>Establishments primarily engaged in issuing shares, other than unit investment trusts and face-amount certificate companies, whose shares contain a provision requiring redemption by the company upon request of the security holder.</t>
  </si>
  <si>
    <t>H6730</t>
  </si>
  <si>
    <t>TRUSTS</t>
  </si>
  <si>
    <t>Establishments primarily engaged in the management of the funds of trusts and foundations</t>
  </si>
  <si>
    <t>H6790</t>
  </si>
  <si>
    <t>MISC INVESTING</t>
  </si>
  <si>
    <t>Establishments primarily engaged in investing, such as investment clubs, tax liens, and venture capital companies.</t>
  </si>
  <si>
    <t>SERVICES</t>
  </si>
  <si>
    <t>HOTELS AND OTHER LODGING PLACES</t>
  </si>
  <si>
    <t>I7010</t>
  </si>
  <si>
    <t>HOTELS &amp; MOTELS</t>
  </si>
  <si>
    <t>Commercial establishments, known to the public as hotels, motor hotels, motels, or tourist courts, primarily engaged in providing lodging, or lodging and meals, for the general public.  Hotels which are operated by membership organizations and open to the general public are included in this industry.</t>
  </si>
  <si>
    <t>I7020</t>
  </si>
  <si>
    <t>ROOMING &amp; BOARDING HOUSES</t>
  </si>
  <si>
    <t>Establishments primarily engaged in renting rooms, with or without board, on a fee basis.</t>
  </si>
  <si>
    <t>I7030</t>
  </si>
  <si>
    <t>CAMPS &amp; RECREATIONAL VEHICLE PARKS</t>
  </si>
  <si>
    <t>721214 - Recreational and Vacation Camps (except Campgrounds)</t>
  </si>
  <si>
    <t>721211 - RV (Recreational Vehicle) Parks and Campgrounds</t>
  </si>
  <si>
    <t>I7040</t>
  </si>
  <si>
    <t>MEMBERSHIP-BASIS ORG. HOTELS</t>
  </si>
  <si>
    <t>PERSONAL SERVICES</t>
  </si>
  <si>
    <t>I7210</t>
  </si>
  <si>
    <t>LAUNDRY, CLEANING, &amp; GARMENTS</t>
  </si>
  <si>
    <t>Establishments primarily engaged in operating mechanical laundries with steam or other power.</t>
  </si>
  <si>
    <t>I7220</t>
  </si>
  <si>
    <t>PHOTOGRAPHIC STUDIOS, PORTRAIT</t>
  </si>
  <si>
    <t>This U.S. industry comprises establishments known as portrait studios primarily engaged in providing still, video, or digital portrait photography services.</t>
  </si>
  <si>
    <t>I7230</t>
  </si>
  <si>
    <t>BEAUTY SHOPS</t>
  </si>
  <si>
    <t>Establishments primarily engaged in furnishing beauty or hairdressing services.  This industry also includes combination beauty and barber shops, as well as hairdressing shops serving both male and female clientele.  Beauty and cosmetology schools are included in this industry.</t>
  </si>
  <si>
    <t>DCA-Board of Barbering &amp; Cosmetology</t>
  </si>
  <si>
    <t>I7240</t>
  </si>
  <si>
    <t>BARBER SHOPS</t>
  </si>
  <si>
    <t>This U.S. industry comprises establishments known as barber shops or men's hair stylist shops primarily engaged in cutting, trimming, and styling boys' and men's hair; and/or shaving and trimming men's beards.</t>
  </si>
  <si>
    <t>I7250</t>
  </si>
  <si>
    <t>SHOE REPAIR &amp; SHOESHINE PARLORS</t>
  </si>
  <si>
    <t>Establishments primarily engaged in repairing footwear or shining shoes.  Also included are establishments engaged in cleaning and blocking hats.</t>
  </si>
  <si>
    <t>I7260</t>
  </si>
  <si>
    <t>FUNERAL SERVICE &amp; CREMATORIES</t>
  </si>
  <si>
    <t>Establishments primarily engaged in preparing the dead for burial, conducting funerals, and cremating the dead.</t>
  </si>
  <si>
    <t>DCA-Cemetery &amp; Funeral Bureau</t>
  </si>
  <si>
    <t>I7290</t>
  </si>
  <si>
    <t>MISC PERSONAL SERVICES</t>
  </si>
  <si>
    <t>Establishments primarily engaged in providing personal services, not elsewhere classified. For example: Babysitting bureaus, Birth certificate agencies, Blood pressure testing, Car title and tag service, Computer photography or portraits, Costume rental, Dating service, Dress suit rental, Escort service, Marriage bureaus, Massage parlors, Tanning salons, Tattoo parlors, Valet parking, etc.</t>
  </si>
  <si>
    <t>541990 - All Other Professional, Scientific, and Technical Services</t>
  </si>
  <si>
    <t>561990 - All Other Support Services</t>
  </si>
  <si>
    <t>I7291</t>
  </si>
  <si>
    <t>TAX RETURN PREPARATION SERVICES</t>
  </si>
  <si>
    <t>Establishments primarily engaged in providing tax return preparation services without also providing accounting, auditing, or bookkeeping services.</t>
  </si>
  <si>
    <t>541213 - Tax Preparation Services</t>
  </si>
  <si>
    <t>BUSINESS SERVICES</t>
  </si>
  <si>
    <t>I7310</t>
  </si>
  <si>
    <t>ADVERTISING</t>
  </si>
  <si>
    <t>Establishments primarily engaged in preparing advertising (writing copy, artwork, graphics, and other creative work) and placing such advertising in periodicals, newspapers, radio and television, or other advertising media for clients on a contract or fee basis.</t>
  </si>
  <si>
    <t>I7320</t>
  </si>
  <si>
    <t>CREDIT REPORTING &amp; COLLECTION</t>
  </si>
  <si>
    <t>Establishments primarily engaged in providing credit card service with collection by a central agency</t>
  </si>
  <si>
    <t>I7330</t>
  </si>
  <si>
    <t>MAILING, REPRODUCTION, STENOGRAPHIC</t>
  </si>
  <si>
    <t>Establishments primarily engaged in furnishing services for direct mailing, also reproducing text, drawings, plans, maps, or other copy, by photocopying, or other methods of duplication other than printing or microfilming.</t>
  </si>
  <si>
    <t>I7331</t>
  </si>
  <si>
    <t>PHOTOCOPYING, DUPLICATING, BINDING</t>
  </si>
  <si>
    <t>Establishments primarily engaged in reproducing text, drawings, plans, maps, or other copy, photocopying, mimeographing, or other methods of duplication other than printing or microfilming.</t>
  </si>
  <si>
    <t>561439 - Other Business Service Centers (including Copy Shops)</t>
  </si>
  <si>
    <t>I7332</t>
  </si>
  <si>
    <t>BLUEPRINT SERVICES</t>
  </si>
  <si>
    <t>Establishments primarily engaged in reproducing drawings, plans or maps by blueprinting.</t>
  </si>
  <si>
    <t>I7336</t>
  </si>
  <si>
    <t>COMMERICAL ART AND GRAPHIC DESIGN</t>
  </si>
  <si>
    <t>Establishments primarily engaged in providing commercial art or graphic design services for advertising agencies, publishers, and other business and industrial users.</t>
  </si>
  <si>
    <t>541922 - Commercial Photography</t>
  </si>
  <si>
    <t>I7340</t>
  </si>
  <si>
    <t>SERVICES TO BUILDINGS</t>
  </si>
  <si>
    <t>Establishments primarily engaged in furnishing building cleaning and maintenance services, not elsewhere classified.</t>
  </si>
  <si>
    <t>I7341</t>
  </si>
  <si>
    <t>JANITORIAL SERVICES</t>
  </si>
  <si>
    <t>Establishments primarily engaged in furnishing building cleaning services, not such as window cleaning, floor waxing, and office cleaning.</t>
  </si>
  <si>
    <t>I7342</t>
  </si>
  <si>
    <t>DISINFECTING AND PEST CONTROL</t>
  </si>
  <si>
    <t>Establishments primarily engaged in disinfecting dwellings and other buildings, and in termite, insect, rodent, and other pest control, generally in dwellings or other buildings.</t>
  </si>
  <si>
    <t>561710 - Exterminating and Pest Control Services</t>
  </si>
  <si>
    <t>I7349</t>
  </si>
  <si>
    <t>BUILDING MAINTENANCE SERVICES</t>
  </si>
  <si>
    <t>Establishments primarily engaged in furnishing building maintenance services such as repairs and lighting.</t>
  </si>
  <si>
    <t>561790 - Other Services to Buildings and Dwellings</t>
  </si>
  <si>
    <t>I7350</t>
  </si>
  <si>
    <t>MISC EQUIPMENT RENTAL &amp; LEASING</t>
  </si>
  <si>
    <t>I7360</t>
  </si>
  <si>
    <t>PERSONNEL SUPPLY SERVICES</t>
  </si>
  <si>
    <t>Establishments primarily engaged in providing employment services, except theatrical employment agencies and motion picture casting bureaus.  Establishments classified here may assist either employers or those seeking employment.</t>
  </si>
  <si>
    <t>I7370</t>
  </si>
  <si>
    <t>COMPUTER &amp; DATA PROCESSING SERVICES</t>
  </si>
  <si>
    <t>Establishments primarily engaged in providing computer processing and data preparation services.  The service may consist of complete processing and preparation of reports from data supplied by the customer or a specialized service, such as data entry or making data processing equipment available on an hourly or time-sharing basis.</t>
  </si>
  <si>
    <t>I7371</t>
  </si>
  <si>
    <t>COMPUTER PROGRAMMING</t>
  </si>
  <si>
    <t>Establishments primarily engaged in providing computer programming services on a contract or fee basis.  Establishments of this industry perform a variety of additional services, such as computer software design and analysis; modifications of custom software; and training in the use of custom software.</t>
  </si>
  <si>
    <t>I7372</t>
  </si>
  <si>
    <t>PREPACKAGED SOFTWARE</t>
  </si>
  <si>
    <t>Establishments primarily engaged in the design, development, and production of prepackaged computer software.  Important products of this industry include operating, utility, and applications programs.  Establishments of this industry may also provide services such as preparation of software documentation for the user; installation of software for the user; and training the user in the use of the software.</t>
  </si>
  <si>
    <t>I7373</t>
  </si>
  <si>
    <t>INTEGRATED SYSTEMS &amp; CAD/CAM SYSTEMS</t>
  </si>
  <si>
    <t>Establishments primarily engaged in developing or modifying computer software and packaging or bundling the software with purchased computer hardware (computers and computer peripheral equipment) to create and market an integrated system for specific application.  Establishments in this industry must provide each of the following services:  (1) the development or modification of the computer software; (2) the marketing of purchased computer hardware; and (3) involvement in all phases of systems development from design through installation.</t>
  </si>
  <si>
    <t>541512 - Computer Systems Design Services</t>
  </si>
  <si>
    <t>I7374</t>
  </si>
  <si>
    <t>INTELLIGENT TRANSPORTATION SYSTEMS(ITS)</t>
  </si>
  <si>
    <t>ITS improves transportation safety and mobility and enhances American productivity through the integration of advanced communications technologies into the transportation infrastructure and in vehicles. Intelligent transportation systems (ITS) encompass a broad range of wireless and wire line communications-based information and electronics technologies.</t>
  </si>
  <si>
    <t>I7375</t>
  </si>
  <si>
    <t>INFORMATION RETRIEVAL SYSTEMS</t>
  </si>
  <si>
    <t>Establishments primarily engaged in providing online information retrieval services on a contract or fee basis.  The information generally involves a range of subjects and is taken from other primary sources.</t>
  </si>
  <si>
    <t>I7377</t>
  </si>
  <si>
    <t>COMPUTER RENTAL AND LEASING</t>
  </si>
  <si>
    <t>Establishments primarily engaged in renting or leasing computers and related data processing equipment on the customers' site, whether or not also providing maintenance or support services.</t>
  </si>
  <si>
    <t>I7378</t>
  </si>
  <si>
    <t>COMPUTER MAINTENANCE &amp; REPAIR</t>
  </si>
  <si>
    <t>Establishments primarily engaged in the maintenance and repair of computers and computer peripheral equipment.</t>
  </si>
  <si>
    <t>I7380</t>
  </si>
  <si>
    <t>MISC BUSINESS SERVICES</t>
  </si>
  <si>
    <t>I7381</t>
  </si>
  <si>
    <t>DETECTIVE &amp; ARMORED CAR SERVICES</t>
  </si>
  <si>
    <t>Establishments primarily engaged in providing detective, guard, and armored car services.</t>
  </si>
  <si>
    <t>DCA-Bureau of Security &amp; Investigative Services</t>
  </si>
  <si>
    <t>I7382</t>
  </si>
  <si>
    <t>SECURITY SYSTEMS SERVICES</t>
  </si>
  <si>
    <t>Establishments primarily engaged in monitoring and maintaining security systems devices, such as burglar and fire alarms.</t>
  </si>
  <si>
    <t>I7383</t>
  </si>
  <si>
    <t>INVESTIGATIVE SERVICES</t>
  </si>
  <si>
    <t>I7388</t>
  </si>
  <si>
    <t>INTERIOR DECORATING &amp; DESIGN</t>
  </si>
  <si>
    <t>This industry comprises establishments primarily engaged in planning, designing, and administering projects in interior spaces to meet the physical and aesthetic needs of people using them, taking into consideration building codes, health and safety regulations, traffic patterns and floor planning, mechanical and electrical needs, and interior fittings and furniture. Interior designers and interior design consultants work in areas, such as hospitality design, health care design, institutional design, commercial and corporate design, and residential design.</t>
  </si>
  <si>
    <t> NO LICENCE REQUIRED</t>
  </si>
  <si>
    <t>I7390</t>
  </si>
  <si>
    <t>AERIAL PHOTOGRAPHY</t>
  </si>
  <si>
    <t>This U.S. industry comprises establishments primarily engaged in providing commercial photography services, generally for advertising agencies, publishers, and other business and industrial users.</t>
  </si>
  <si>
    <t xml:space="preserve">AUTO REPAIR SERVICES AND PARKING </t>
  </si>
  <si>
    <t>I7510</t>
  </si>
  <si>
    <t>AUTOMOTIVE RENTALS, NO DRIVERS</t>
  </si>
  <si>
    <t>Establishments primarily engaged in short-term rental or extended-term leasing (with or without maintenance) of trucks, truck tractors, or semitrailers without drivers.</t>
  </si>
  <si>
    <t>I7520</t>
  </si>
  <si>
    <t>AUTOMOBILE PARKING</t>
  </si>
  <si>
    <t>Establishments primarily engaged in the temporary parking of automobiles, usually on an hourly, daily, or monthly contract or fee basis.</t>
  </si>
  <si>
    <t>I7530</t>
  </si>
  <si>
    <t>AUTOMOTIVE REPAIR SHOPS</t>
  </si>
  <si>
    <t>DCA- Bureau of Automotive Repair</t>
  </si>
  <si>
    <t>I7531</t>
  </si>
  <si>
    <t>ENGINE REBUILDING</t>
  </si>
  <si>
    <t>I7532</t>
  </si>
  <si>
    <t xml:space="preserve">UPHOLSTERY </t>
  </si>
  <si>
    <t xml:space="preserve">This industry comprises establishments primarily engaged in one or more of the following: (1) reupholstering furniture; (2) refinishing furniture; (3) repairing furniture; and (4) repairing and restoring furniture. </t>
  </si>
  <si>
    <t>I7533</t>
  </si>
  <si>
    <t>CHROMING, PLATING, POLISHING</t>
  </si>
  <si>
    <t>This U.S. industry comprises establishments primarily engaged in electroplating, plating, anodizing, coloring, buffing, polishing, cleaning, and sandblasting metals and metal products for the trade.</t>
  </si>
  <si>
    <t>I7540</t>
  </si>
  <si>
    <t>AUTOMOTIVE SERVICES, EXCEPT REPAIR</t>
  </si>
  <si>
    <t>Establishments primarily engaged in furnishing automotive services such as:</t>
  </si>
  <si>
    <t>Auto emissions testing,</t>
  </si>
  <si>
    <t>Diagnostic centers, automotive</t>
  </si>
  <si>
    <t>Emissions testing service</t>
  </si>
  <si>
    <t>Inspection service</t>
  </si>
  <si>
    <t>Lubricating service</t>
  </si>
  <si>
    <t>Road service</t>
  </si>
  <si>
    <t>Towing service</t>
  </si>
  <si>
    <t>Undercoating service</t>
  </si>
  <si>
    <t>Window tinting</t>
  </si>
  <si>
    <t>Wrecker service</t>
  </si>
  <si>
    <t>I7550</t>
  </si>
  <si>
    <t>TOWING</t>
  </si>
  <si>
    <t>Establishments primarily engaged in furnishing automotive towing.</t>
  </si>
  <si>
    <t>MISCELLANEOUS REPAIR SERVICES</t>
  </si>
  <si>
    <t>I7620</t>
  </si>
  <si>
    <t>ELECTRICAL REPAIR SHOPS</t>
  </si>
  <si>
    <t>I7630</t>
  </si>
  <si>
    <t>WATCH, CLOCK, &amp; JEWELRY REPAIR</t>
  </si>
  <si>
    <t xml:space="preserve">This industry comprises establishments primarily engaged in repairing and servicing personal or household-type goods without retailing new personal and household-type goods (except home and garden equipment, appliances, furniture, and footwear and leather goods). Establishments in this industry repair items, such as garments; watches; jewelry; musical instruments; bicycles and motorcycles; motorboats, canoes, sailboats, and other recreational boats. </t>
  </si>
  <si>
    <t>I7640</t>
  </si>
  <si>
    <t>REUPHOLSTERY &amp; FURNITURE REPAIR</t>
  </si>
  <si>
    <t>Establishments primarily engaged in furniture reupholstery and repair.</t>
  </si>
  <si>
    <t>I7690</t>
  </si>
  <si>
    <t>MISC REPAIR SHOPS</t>
  </si>
  <si>
    <t>Establishments primarily engaged in specialized repair services, not elsewhere classified, such as bicycle repair; leather goods repair; lock and gun repair, including the making of lock parts or gun parts to individual order; musical instrument repair; septic tank cleaning; farm machinery repair; furnace cleaning; motorcycle repair; tank truck cleaning; taxidermists; tractor repair; and typewriter repair.</t>
  </si>
  <si>
    <t>I7698</t>
  </si>
  <si>
    <t>LOCKSMITH</t>
  </si>
  <si>
    <t>Establishments primarily engaged in specialized installation and repair services of locks.</t>
  </si>
  <si>
    <t>MOTION PICTURES</t>
  </si>
  <si>
    <t>I7810</t>
  </si>
  <si>
    <t>MOTION PICTURE &amp; VIDEO TAPE PRODUCTION</t>
  </si>
  <si>
    <t>Establishments primarily engaged in the production of theatrical and nontheatrical motion pictures and video tapes for exhibition or sale, including educational, industrial, and religious films.</t>
  </si>
  <si>
    <t>I7820</t>
  </si>
  <si>
    <t>MOTION PICTURE &amp; VIDEO TAPE DISTRIBUTION</t>
  </si>
  <si>
    <t>Establishments primarily engaged in the distribution (rental or sale) of theatrical and nontheatrical motion picture films or in the distribution of video tapes and disks, except to the general public.</t>
  </si>
  <si>
    <t>I7830</t>
  </si>
  <si>
    <t>MOTION PICTURE THEATERS</t>
  </si>
  <si>
    <t>Commercially operated theaters primarily engaged in the indoor exhibition of motion pictures.</t>
  </si>
  <si>
    <t>I7840</t>
  </si>
  <si>
    <t>VIDEO TAPE RENTAL</t>
  </si>
  <si>
    <t>Establishments primarily engaged in renting recorded video tapes and disks to the general public for personal or household use.</t>
  </si>
  <si>
    <t>AMUSEMENT &amp; RECREATION SERVICES</t>
  </si>
  <si>
    <t>I7910</t>
  </si>
  <si>
    <t>DANCE STUDIOS, SCHOOLS, &amp; HALLS</t>
  </si>
  <si>
    <t>This industry comprises establishments primarily engaged in offering instruction in the arts, including dance, art, drama, and music.</t>
  </si>
  <si>
    <t>I7920</t>
  </si>
  <si>
    <t>PERFORMERS &amp; ENTERTAINERS</t>
  </si>
  <si>
    <t xml:space="preserve">This industry comprises independent (i.e., freelance) individuals primarily engaged in performing in artistic productions, in creating artistic and cultural works or productions, or in providing technical expertise necessary for these productions. This industry also includes athletes and other celebrities exclusively engaged in endorsing products and making speeches or public appearances for which they receive a fee. </t>
  </si>
  <si>
    <t>I7921</t>
  </si>
  <si>
    <t>ORCHESTRAS</t>
  </si>
  <si>
    <t xml:space="preserve">Industry comprised of groups primarily engaged in producing live musical entertainment (except theatrical musical or opera productions) and independent (i.e., freelance) artists primarily engaged in providing live musical entertainment. </t>
  </si>
  <si>
    <t>I7930</t>
  </si>
  <si>
    <t>BOWLING CENTERS</t>
  </si>
  <si>
    <t>Establishments known to the public as bowling centers or lanes.  Such establishments frequently sell meals and refreshments.</t>
  </si>
  <si>
    <t>I7940</t>
  </si>
  <si>
    <t>COMMERCIAL SPORTS</t>
  </si>
  <si>
    <t>Establishments primarily engaged in operating and promoting professional and semiprofessional athletic clubs; promoting athletic events, including amateur; and managing individual professional athletes.  Stadiums and athletic fields are included only if the operator is actually engaged in the promotion of athletic events.</t>
  </si>
  <si>
    <t>711211 - Sports Teams and Clubs</t>
  </si>
  <si>
    <t>I7990</t>
  </si>
  <si>
    <t>MISC AMUSEMENT, RECREATION SERVICES</t>
  </si>
  <si>
    <t>Establishments primarily engaged in the operation of sports, amusement, and recreation services, not elsewhere classified, such as bathing beaches, swimming pools, riding academies and schools, carnival operation, exposition operation, horse shows, picnic grounds operation, rental of rowboats and canoes, and shooting galleries.</t>
  </si>
  <si>
    <t>HEALTH SERVICES</t>
  </si>
  <si>
    <t>I8010</t>
  </si>
  <si>
    <t>OFFICES &amp; CLINICS OF MEDICAL DOCTORS</t>
  </si>
  <si>
    <t>Establishments of licensed practitioners having the degree of M.D.  and engaged in the practice of general or specialized medicine and surgery.</t>
  </si>
  <si>
    <t>I8020</t>
  </si>
  <si>
    <t>OFFICES &amp; CLINICS OF DENTISTS</t>
  </si>
  <si>
    <t>Establishments of licensed practitioners having the degree of D.M.D.  or D.D.S.  (or D.D.Sc.) and engaged in the practice of general or specialized dentistry, including dental surgery.  Establishments operating as clinics of dentists are included in this industry.</t>
  </si>
  <si>
    <t>I8030</t>
  </si>
  <si>
    <t>OFFICES OF OSTEOPATHIC PHYSICIANS</t>
  </si>
  <si>
    <t xml:space="preserve">This U.S. industry comprises establishments of health practitioners having the degree of M.D. (Doctor of Medicine) or D.O. (Doctor of Osteopathy) primarily engaged in the independent practice of general or specialized medicine (except psychiatry or psychoanalysis) or surgery. These practitioners operate private or group practices in their own offices (e.g., centers, clinics) or in the facilities of others, such as hospitals or HMO medical centers. </t>
  </si>
  <si>
    <t>I8040</t>
  </si>
  <si>
    <t>OFFICES OF OTHER HEALTH PRACTITIONERS</t>
  </si>
  <si>
    <t>Establishments of health practitioners engaged in the practice of health fields, not elsewhere classified.  Practitioners may or may not be licensed or certified, depending on the State in which they practice.  Establishments operating as clinics of health practitioners, not elsewhere classified, are included in this industry. Such as: Acupuncturists, Audiologists, Christian Science practitioners, Dental hygienists, Dieticians, Hypnotists, Inhalation therapists, Midwives, Naturopaths, Nutritionists, Occupational therapists, Paramedics, and Physical therapists</t>
  </si>
  <si>
    <t>I8050</t>
  </si>
  <si>
    <t>NURSING &amp; PERSONAL CARE FACILITIES</t>
  </si>
  <si>
    <t>Establishments primarily engaged in providing inpatient nursing and rehabilitative services to patients who require continuous health care, but not hospital services.  Care must be ordered by and under the direction of a physician.  The staff must include a licensed nurse on duty continuously with a minimum of one full-time registered nurse on duty during each day shift.</t>
  </si>
  <si>
    <t>I8060</t>
  </si>
  <si>
    <t>HOSPITALS</t>
  </si>
  <si>
    <t>Establishments primarily engaged in providing general medical and surgical services and other hospital services.</t>
  </si>
  <si>
    <t>I8070</t>
  </si>
  <si>
    <t>MEDICAL LABORATORIES</t>
  </si>
  <si>
    <t>Establishments primarily engaged in providing professional analytic or diagnostic services to the medical profession, or to the patient on prescription of a physician.</t>
  </si>
  <si>
    <t>I8080</t>
  </si>
  <si>
    <t>HOME HEALTH CARE SERVICES</t>
  </si>
  <si>
    <t>Establishments primarily engaged in providing skilled nursing or medical care in the home, under supervision of a physician.</t>
  </si>
  <si>
    <t>I8090</t>
  </si>
  <si>
    <t>HEALTH &amp; ALLIED SERVICES, NEC</t>
  </si>
  <si>
    <t>Establishments primarily engaged in providing health and allied services, not elsewhere classified. Such as: Blood banks, Blood donor stations, Childbirth preparation classes , Health screening service, Hearing testing service, Sperm banks.</t>
  </si>
  <si>
    <t>621498 - All Other Outpatient Care Centers</t>
  </si>
  <si>
    <t>I8091</t>
  </si>
  <si>
    <t>HUMAN DEVELOPMENT –COUNSELING AND PSYCHOLOGICAL TESTING</t>
  </si>
  <si>
    <t>LEGAL SERVICES</t>
  </si>
  <si>
    <t>I8110</t>
  </si>
  <si>
    <t>Establishments which are headed by members of the bar and are primarily engaged in offering legal advice or services.</t>
  </si>
  <si>
    <t xml:space="preserve">EDUCATIONAL SERVICES </t>
  </si>
  <si>
    <t>I8210</t>
  </si>
  <si>
    <t>ELEMENTARY &amp; SECONDARY SCHOOLS</t>
  </si>
  <si>
    <t>Elementary and secondary schools furnishing academic courses, ordinarily for kindergarten through grade 12.  Included in this industry are parochial schools and military academies furnishing academic courses for kindergarten through grade 12, and secondary schools which furnish both academic and technical courses.</t>
  </si>
  <si>
    <t>611110 - Elementary and Secondary Schools</t>
  </si>
  <si>
    <t>I8220</t>
  </si>
  <si>
    <t>COLLEGES &amp; UNIVERSITIES</t>
  </si>
  <si>
    <t>Colleges, universities, and professional schools furnishing academic courses and granting academic degrees.  The requirement for admission is at least a high school diploma or equivalent general academic training.</t>
  </si>
  <si>
    <t>I8230</t>
  </si>
  <si>
    <t>LIBRARIES</t>
  </si>
  <si>
    <t>Comprised of  establishments primarily engaged in providing library or archive services. These establishments are engaged in maintaining collections of documents (e.g., books, journals, newspapers, and music) and facilitating the use of such documents (recorded information regardless of its physical form and characteristics) as are required to meet the informational, research, educational, or recreational needs of their user.</t>
  </si>
  <si>
    <t>I8240</t>
  </si>
  <si>
    <t>VOCATIONAL SCHOOLS</t>
  </si>
  <si>
    <t>Establishments primarily engaged in offering specialized vocational courses.</t>
  </si>
  <si>
    <t>611610 - Fine Arts Schools</t>
  </si>
  <si>
    <t>I8290</t>
  </si>
  <si>
    <t>SCHOOLS &amp; EDUCATIONAL SERVICES, NEC</t>
  </si>
  <si>
    <t>Establishments primarily engaged in offering educational courses and services, not elsewhere classified.  Included in this industry are music schools, drama schools, language schools, short-term examination preparatory schools, student exchange programs, curriculum development, and vocational counseling, except rehabilitation counseling.</t>
  </si>
  <si>
    <t>SOCIAL SERVICES</t>
  </si>
  <si>
    <t>I8320</t>
  </si>
  <si>
    <t>INDIVIDUAL &amp; FAMILY SERVICES</t>
  </si>
  <si>
    <t>This industry comprises establishments primarily engaged in providing nonresidential social assistance services for children and youth. These establishments provide for the welfare of children in such areas as adoption and foster care, drug prevention, life skills training, and positive social development.</t>
  </si>
  <si>
    <t>I8330</t>
  </si>
  <si>
    <t>JOB TRAINING &amp; RELATED SERVICES</t>
  </si>
  <si>
    <t>I8350</t>
  </si>
  <si>
    <t>CHILD DAY CARE SERVICES</t>
  </si>
  <si>
    <t>Establishments primarily engaged in the care of infants or children, or in providing prekindergarten education, where medical care or delinquency correction is not a major element.  These establishments may or may not have substantial educational programs.  These establishments generally care for prekindergarten or preschool children, but may care for older children when they are not in school.</t>
  </si>
  <si>
    <t> Department of Social Services</t>
  </si>
  <si>
    <t>I8360</t>
  </si>
  <si>
    <t>RESIDENTIAL CARE</t>
  </si>
  <si>
    <t>Establishments primarily engaged in the provision of residential social and personal care for children, the aged, and special categories of persons with some limits on ability for self-care, but where medical care is not a major element.  Included are establishments providing 24-hour year-round care for children.</t>
  </si>
  <si>
    <t>MUSEUMS, BOTANICAL, ZOOLOGICAL GARDENS</t>
  </si>
  <si>
    <t>I8410</t>
  </si>
  <si>
    <t>MUSEUMS &amp; ART GALLERIES</t>
  </si>
  <si>
    <t xml:space="preserve">This industry comprises establishments primarily engaged in the preservation and exhibition of objects of historical, cultural, and/or educational value. </t>
  </si>
  <si>
    <t>I8420</t>
  </si>
  <si>
    <t>BOTANICAL &amp; ZOOLOGICAL GARDENS</t>
  </si>
  <si>
    <t>This industry comprises establishments primarily engaged in the preservation and exhibition of live plant and animal life displays.</t>
  </si>
  <si>
    <t>MEMBERSHIP ORGANIZATIONS</t>
  </si>
  <si>
    <t>I8610</t>
  </si>
  <si>
    <t>BUSINESS ASSOCIATIONS</t>
  </si>
  <si>
    <t>This industry comprises establishments primarily engaged in promoting the business interests of their members. These establishments may conduct research on new products and services; develop market statistics; sponsor quality and certification standards; lobby public officials; or publish newsletters, books, or periodicals for distribution to their members.</t>
  </si>
  <si>
    <t>I8620</t>
  </si>
  <si>
    <t>PROFESSIONAL ORGANIZATIONS</t>
  </si>
  <si>
    <t>I8630</t>
  </si>
  <si>
    <t>LABOR ORGANIZATIONS</t>
  </si>
  <si>
    <t xml:space="preserve">This industry comprises establishments primarily engaged in promoting the business interests of their members. </t>
  </si>
  <si>
    <t>I8640</t>
  </si>
  <si>
    <t>CIVIC &amp; SOCIAL ASSOCIATIONS</t>
  </si>
  <si>
    <t xml:space="preserve">This industry comprises establishments primarily engaged in promoting the civic and social interests of their members. Establishments in this industry may operate bars and restaurants for their members. </t>
  </si>
  <si>
    <t>I8650</t>
  </si>
  <si>
    <t>POLITICAL ORGANIZATIONS</t>
  </si>
  <si>
    <t xml:space="preserve">This industry comprises establishments primarily engaged in promoting the interests of national, state, or local political parties or candidates. Included are political groups organized to raise funds for a political party or individual candidates. </t>
  </si>
  <si>
    <t>I8660</t>
  </si>
  <si>
    <t>RELIGIOUS ORGANIZATIONS</t>
  </si>
  <si>
    <t xml:space="preserve">This industry comprises of establishments primarily engaged in operating religious organizations, such as churches, religious temples, and monasteries and/or establishments primarily engaged in administering an organized religion or promoting religious activities. </t>
  </si>
  <si>
    <t>I8690</t>
  </si>
  <si>
    <t>MEMBERSHIP ORGANIZATIONS, NEC</t>
  </si>
  <si>
    <t>Membership organizations, not elsewhere classified, such as: Art councils, Athletic associations -- regulatory only, Automobile owners’ associations and clubs, Farm bureaus, Historical clubs, Humane societies, Poetry associations, Reading rooms, etc.</t>
  </si>
  <si>
    <t>MANAGEMENT SERVICES</t>
  </si>
  <si>
    <t>I8720</t>
  </si>
  <si>
    <t>ACCOUNTING, AUDITING, &amp; BOOKKEEPING</t>
  </si>
  <si>
    <t>Establishments primarily engaged in furnishing accounting, bookkeeping, and related auditing services.  These establishments may use data processing and tabulating techniques as part of providing their services.</t>
  </si>
  <si>
    <t>I8730</t>
  </si>
  <si>
    <t>RESEARCH &amp; TESTING SERVICES</t>
  </si>
  <si>
    <t>Establishments primarily engaged in providing testing services.</t>
  </si>
  <si>
    <t>541910 - Marketing Research and Public Opinion Polling</t>
  </si>
  <si>
    <t>I8734</t>
  </si>
  <si>
    <t>LABORATORY TESTING AND ANALYSIS</t>
  </si>
  <si>
    <t>I8740</t>
  </si>
  <si>
    <t>MANAGEMENT &amp; PUBLIC RELATIONS</t>
  </si>
  <si>
    <t>Establishments primarily engaged in furnishing general or specialized management services on a day to day basis and on a contract or fee basis.  Establishments in this industry do not provide operating staff.  Management and operation of a business, where operating staff as well as management is provided, is classified according to the activity of the establishment managed.  Establishments primarily engaged in the preparation of materials, written or spoken, which are designed to influence the general public or other groups in promoting the interests of their clients.</t>
  </si>
  <si>
    <t>I8750</t>
  </si>
  <si>
    <t>MARKET RESEARCH &amp; FOCUS GROUPS</t>
  </si>
  <si>
    <t>This industry comprises establishments primarily engaged in systematically gathering, recording, tabulating, and presenting marketing and public opinion data.</t>
  </si>
  <si>
    <t>I8760</t>
  </si>
  <si>
    <t>TRANSPORTATION PLANNING</t>
  </si>
  <si>
    <t>SERVICES, NEC (NOT ELSEWHERE CLASSIFIED)</t>
  </si>
  <si>
    <t>I8991</t>
  </si>
  <si>
    <t>RECYCLING</t>
  </si>
  <si>
    <t>I8995</t>
  </si>
  <si>
    <t>TRANSLATIONS</t>
  </si>
  <si>
    <t>I.</t>
  </si>
  <si>
    <t>PUBLIC ADMINISTRATION</t>
  </si>
  <si>
    <t>EXECUTIVE, LEGISLATIVE AND GENERAL</t>
  </si>
  <si>
    <t>J9110</t>
  </si>
  <si>
    <t>EXECUTIVE OFFICES</t>
  </si>
  <si>
    <t>921110 - Executive Offices</t>
  </si>
  <si>
    <t>J9120</t>
  </si>
  <si>
    <t>LEGISLATIVE BODIES</t>
  </si>
  <si>
    <t>921120 - Legislative Bodies</t>
  </si>
  <si>
    <t>J9130</t>
  </si>
  <si>
    <t>EXECUTIVE &amp; LEGISLATIVE COMBINED</t>
  </si>
  <si>
    <t>921140 - Executive and Legislative Offices, Combined</t>
  </si>
  <si>
    <t>J9190</t>
  </si>
  <si>
    <t>GENERAL GOVERNMENT, NEC</t>
  </si>
  <si>
    <t>921190 - Other General Government Support</t>
  </si>
  <si>
    <t>J9210</t>
  </si>
  <si>
    <t>COURTS</t>
  </si>
  <si>
    <t>922110 - Courts</t>
  </si>
  <si>
    <t>COURT REPORTING</t>
  </si>
  <si>
    <t>J9220</t>
  </si>
  <si>
    <t>PUBLIC ORDER &amp; SAFETY</t>
  </si>
  <si>
    <t>J9310</t>
  </si>
  <si>
    <t>FINANCE, TAXATION, &amp; MONETARY POLICY</t>
  </si>
  <si>
    <t>921130 - Public Finance Activities</t>
  </si>
  <si>
    <t>J9410</t>
  </si>
  <si>
    <t>ADMIN. OF EDUCATION PROGRAMS</t>
  </si>
  <si>
    <t>923110 - Administration of Education Programs</t>
  </si>
  <si>
    <t>J9430</t>
  </si>
  <si>
    <t>ADMIN. OF HEALTH PROGRAMS</t>
  </si>
  <si>
    <t>923120 - Administration of Public Health Programs</t>
  </si>
  <si>
    <t>J9440</t>
  </si>
  <si>
    <t>ADMIN. OF SOCIAL AND MANPOWER PROGRAMS</t>
  </si>
  <si>
    <t>923130 - Administration of Human Resource Programs (except Education, Public Health, and Veteran’s Affairs Programs)</t>
  </si>
  <si>
    <t>J9450</t>
  </si>
  <si>
    <t>ADMINISTRATION OF VETERANS AFFAIRS</t>
  </si>
  <si>
    <t>923140 - Administration of Veteran’s Affairs</t>
  </si>
  <si>
    <t>J9510</t>
  </si>
  <si>
    <t>ENVIRONMENTAL QUALITY</t>
  </si>
  <si>
    <t>J9530</t>
  </si>
  <si>
    <t>HOUSING &amp; URBAN DEVELOPMENT</t>
  </si>
  <si>
    <t>925120 - Administration of Urban Planning and Community and Rural Development</t>
  </si>
  <si>
    <t>J9610</t>
  </si>
  <si>
    <t>ADMIN. OF GENERAL ECONOMIC PROGRAMS</t>
  </si>
  <si>
    <t>926110 - Administration of General Economic Programs</t>
  </si>
  <si>
    <t>J9620</t>
  </si>
  <si>
    <t>REGULATION, ADMIN. OF TRANSPORTATION</t>
  </si>
  <si>
    <t>926120 - Regulation and Administration of Transportation Programs</t>
  </si>
  <si>
    <t>J9630</t>
  </si>
  <si>
    <t>REGULATION, ADMIN. OF UTILITIES</t>
  </si>
  <si>
    <t>926130 - Regulation and Administration of Communications, Electric, Gas, and Other Utilities</t>
  </si>
  <si>
    <t>J9640</t>
  </si>
  <si>
    <t>REGULATION OF AGRICULTURAL MARKETING</t>
  </si>
  <si>
    <t>926140 - Regulation of Agricultural Marketing and Commodities</t>
  </si>
  <si>
    <t>J9650</t>
  </si>
  <si>
    <t>REGULATION MISC COMMERCIAL SECTORS</t>
  </si>
  <si>
    <t>926150 - Regulation, Licensing, and Inspection of Miscellaneous Commercial Sectors</t>
  </si>
  <si>
    <t>J9660</t>
  </si>
  <si>
    <t>SPACE RESEARCH AND TECHNOLOGY</t>
  </si>
  <si>
    <t>927110 - Space Research and Technology</t>
  </si>
  <si>
    <t>J9710</t>
  </si>
  <si>
    <t>NATIONAL SECURITY</t>
  </si>
  <si>
    <t>928110 - National Security</t>
  </si>
  <si>
    <t>J9720</t>
  </si>
  <si>
    <t>INTERNATIONAL AFFAIRS</t>
  </si>
  <si>
    <t>Establishments of U.S.  and foreign governments primarily engaged in international affairs and programs relating to other nations and peoples.</t>
  </si>
  <si>
    <t>928120 - International Affairs</t>
  </si>
  <si>
    <t>A. AGRICULTRAL PRODUCTION CROPS</t>
  </si>
  <si>
    <t>C9603</t>
  </si>
  <si>
    <t>C9604</t>
  </si>
  <si>
    <t>TRANSFER DUMP TRUCK</t>
  </si>
  <si>
    <t>SUPER 10 DUMP TRUCK</t>
  </si>
  <si>
    <t>BOTTOM DUMP TRUCK</t>
  </si>
  <si>
    <t>This industry comprises establishments primarily engaged in providing training related services.</t>
  </si>
  <si>
    <t xml:space="preserve">Teaching Credentials in any field </t>
  </si>
  <si>
    <t>E4955</t>
  </si>
  <si>
    <t>WASTE MANAGEMENT CONSULTING SERVICES</t>
  </si>
  <si>
    <t xml:space="preserve">Establishments primarily engaged in prodiving consulting services to business regarding waste disposal, including construction waste management, cost reduction analysis waste training and manuals, zero waste plans and implementations etc. </t>
  </si>
  <si>
    <t xml:space="preserve">LEED </t>
  </si>
  <si>
    <t>C9851</t>
  </si>
  <si>
    <t>FIRE PROTECTION CONTRACTOR</t>
  </si>
  <si>
    <t>C8733</t>
  </si>
  <si>
    <t>This industry comprises establishments primarily engaged in installing and servicing electrical wiring and equipment. Electrical contractors included in this industry may include both the parts and labor when performing work. Electrical contractors may perform new work, additions, alterations, maintenance, and repairs.</t>
  </si>
  <si>
    <t>This industry comprises establishments primarily engaged in providing specialized services for railroad transportation including servicing, routine repairing (except factory conversion, overhaul or rebuilding of rolling stock), and maintaining rail cars; loading and unloading rail cars; and operating independent terminals.</t>
  </si>
  <si>
    <t>This U.S. industry comprises establishments primarily engaged in operating local and suburban commuter rail systems over regular routes and on a regular schedule within a metropolitan area and its adjacent nonurban areas. Commuter rail is usually characterized by reduced fares, multiple ride, and commutation tickets and mostly used by passengers during the morning and evening peak periods.</t>
  </si>
  <si>
    <t>485112- Commuter Rail Systems</t>
  </si>
  <si>
    <t>This industry comprises establishments primarily engaged in arranging transportation of freight between shippers and carriers</t>
  </si>
  <si>
    <t>The firm must own one truck. These long-distance general freight truckload carrier establishments provide full truck movement of freight from origin to destination</t>
  </si>
  <si>
    <t>A trucking business primarily involved in unloading their payload by opening gates on the bottom of the bed. Internal bed walls are sloped to direct the entire payload out through the opened gates.</t>
  </si>
  <si>
    <t>A trucking business that uses a truck or trucks that has an entirely flat, level 'bed' body with no sides or roof. This allows for quick and easy loading of goods, and consequently they are used to transport heavy loads that are not delicate or vulnerable to precipitation, such as construction equipment, and also for abnormal loads that require more space than is available on a closed body.</t>
  </si>
  <si>
    <t>484220 - Specialized Freight Trucking, Local 484230 - Specialized Freight Trucking, Long Distance</t>
  </si>
  <si>
    <t>A trucking business specializing in operating a water truck at a construction site on dirt, providing assistance during fires and replenishing fountains or ponds</t>
  </si>
  <si>
    <t>A trucking business that specializes in hauling and dumping their payload by raising the front end and letting the payload slide down the bottom of the bed and out the back through the tailgate</t>
  </si>
  <si>
    <t>A trucking business that specializes in bulk hauling of hot asphalt oil.</t>
  </si>
  <si>
    <t>A trucking business that owns a truck with a water tank, sprayer and broom that specializes in removing and loosening debris from roadways.</t>
  </si>
  <si>
    <t>A swimming pool contractor constructs swimming pools, spas or hot tubs, including installation of solar heating equipment using those trades or skills necessary for such construction.</t>
  </si>
  <si>
    <t>AIR CONDITIONING/SHEET METAL SERVICES FOR RAIL CARS</t>
  </si>
  <si>
    <t>HEATING SERVICES FOR RAIL CARS</t>
  </si>
  <si>
    <t>ELECTRICAL SERVICES FOR RAIL CARS</t>
  </si>
  <si>
    <t>GLASS INSTALLATION FOR RAIL CARS</t>
  </si>
  <si>
    <t>MACHINING SERVICES FOR RAIL CARS</t>
  </si>
  <si>
    <t>A trucking business that owns one Super 10 wheel (4 axle) end dump truck</t>
  </si>
  <si>
    <t xml:space="preserve">WATER TRUCK </t>
  </si>
  <si>
    <t xml:space="preserve">END DUMP TRUCK </t>
  </si>
  <si>
    <t xml:space="preserve">ASPHALT OIL TANKERS </t>
  </si>
  <si>
    <t>HAZ- CSLB</t>
  </si>
  <si>
    <t>C8723</t>
  </si>
  <si>
    <t xml:space="preserve">This industry comprises establishments primarily engaged in performing physical, chemical, and other analytical testing services, such as calibration testing,  geotechnical testing, nondestructive testing. The testing may occur in a laboratory or on-site. </t>
  </si>
  <si>
    <t>541330 - Engineering Services</t>
  </si>
  <si>
    <t>TRAFFIC MANAGEMENT OPERATIONS</t>
  </si>
  <si>
    <t xml:space="preserve">This U.S. industry comprises establishments primarily engaged in manufacturing and/or rebuilding gasoline motor vehicle engines and gasoline motor vehicle engine parts, excluding carburetors, pistons, piston rings, and valves. Boe classifies Fuel Systems as those motor carriers who store and deliver fuel. An International Fuel Tax Agreement (IFTA) license is required depending on where the motor carrier travels </t>
  </si>
  <si>
    <t xml:space="preserve">This industry comprises establishments primarily engaged in manufacturing welded, riveted, or seamless pipe and tube from purchased iron or steel. BOE classifies fuel systems as those motor carriers that store and deliver fuel. An IF 
</t>
  </si>
  <si>
    <t>A synthetic products contractor installs: sythetic counter tops and wall covering; fiberglass, plastic, vinyl and epoxy products; plastic tile board and decorative art work; and sythetic turf; Bathtub and enamel refinishing, resina nd epoxy application, and synthetic cauking and sealants, reservior liners, vinyl swimming pool relining; pier piling wrap and rodent guards; PVC piping systems for irrigation and drainage; subsurface irrigation drip systems.</t>
  </si>
  <si>
    <t>D12-Synthetic Products</t>
  </si>
  <si>
    <t>Constructs, installs, and tests Cast-In-Drilled-Hole (CIDH) concrete piles in accordance with the provisions set forth in Caltrans' Standard Specifications Section 49-4.</t>
  </si>
  <si>
    <t>The placing of a polyester concrete overlay with a prime coat of high-moleculat-weight methacrylate resin to bridge decks.</t>
  </si>
  <si>
    <t>Specializes in the coring of holes through concrete bridge members during the process of bridge rehabilitation.</t>
  </si>
  <si>
    <t xml:space="preserve">The use of cement mortar to seal and reinforce concrete pipe joints to prevent leakage and infiltration. </t>
  </si>
  <si>
    <t>Construction and installation of steel crib walls, which consist of a series of rectangular cells composed of steel members.</t>
  </si>
  <si>
    <t>Fabrication and construction of corrugated metal pipe (CSP) for conduits, culverts, drains, siphons, and slotted pipe.</t>
  </si>
  <si>
    <t>Fabrication and construction of structural metal pipe plate, arches, and pipe arches</t>
  </si>
  <si>
    <t>Fabrication and construction of plastic pipe in drains, culverts, and overdrains.</t>
  </si>
  <si>
    <t>Firm that coordinates, directs, assists, advises, facilitates, estimates, reviews and reports on construction projects, but does not perform the physical building of the work.</t>
  </si>
  <si>
    <t>A painting and decorating contractor prepares by scraping, sandblasting or other means and applies any of the following: paints, papers, textures, fabrics, pigments, oils, turpentines, japans, driers, thinners, varnishes, shellacs, stains, fillers, waxes, adhesives, water and any other vehicles, mediums and materials which adhere by evaporation and may be mixed, used and applied to the surfaces of structures and the appurtenances thereto for purposes of decorating, protecting, fireproofing and waterproofing.</t>
  </si>
  <si>
    <t>This U.S. industry comprises establishments primarily responsible for the remodeling construction (including additions, alterations, reconstruction, maintenance and repair work) of houses and other residential buildings, single-family and multifamily. Included in this industry are remodeling general contractors, operative remodelers, remodeling design-build firms, and remodeling project construction management firms.</t>
  </si>
  <si>
    <t>This industry comprises establishments primarily engaged in providing advice and assistance to businesses and other organizations on environmental issues, such as the control of environmental contamination from pollutants, toxic substances, and hazardous materials. These establishments identify problems (e.g., inspect buildings for hazardous materials), measure and evaluate risks, and recommend solutions. They employ a multidisciplined staff of scientists, engineers, and other technicians with expertise in areas, such as air and water quality, asbestos contamination, remediation, and environmental law. Establishments providing sanitation or site remediation consulting services are included in this industry.</t>
  </si>
  <si>
    <t>This industry comprises government establishments primarily engaged in the administration and planning of the development of urban and rural areas. Included in this industry are government zoning boards and commissions</t>
  </si>
  <si>
    <t>Disability Studies refers generally to the examination of disability as a social, cultural, and political phenomenon. Disability Studies focuses on how disability is defined and represented in society.</t>
  </si>
  <si>
    <t>926120 Regulation and Administration of Transportation Programs</t>
  </si>
  <si>
    <t>Applies the physical laws and principles of engineering in the designing of bridges.</t>
  </si>
  <si>
    <t xml:space="preserve">Firms engaged in writing, modifying, testing, installing and maintaining software and hardware to meet the needs of a particular customer. </t>
  </si>
  <si>
    <t>541511 - Custom Computer Programming Services
541513 - Computer Facilities Management Services
541512 - Computer Systems Design Services</t>
  </si>
  <si>
    <t>Provides advice and assistance to businesses and other organizations on environmental issues, such as the control of environmental contamination from pollutants, toxic substances, and hazardous materials.</t>
  </si>
  <si>
    <t>541620 - Environmental Consulting Services</t>
  </si>
  <si>
    <t>Provides operating advice and assistance to businesses and other organizations on administrative management issues.</t>
  </si>
  <si>
    <t>541611 - Administrative Management and General Management Consulting Services</t>
  </si>
  <si>
    <t>Provides advice and assistance to businesses and other organizations on safety plans.</t>
  </si>
  <si>
    <t>541690 - Other Scientific and Technical Consulting Services</t>
  </si>
  <si>
    <t>Performs physical, chemical, and other analytical testing services.</t>
  </si>
  <si>
    <t>541380 - Testing Laboratories</t>
  </si>
  <si>
    <t xml:space="preserve">541620 – Environmental Consulting Services            </t>
  </si>
  <si>
    <t>No License Required</t>
  </si>
  <si>
    <t>Performs inspections and monitors functions to assure compliance with Federal safety and health regulations among railroads, railroad employees, and contractors to railroads.</t>
  </si>
  <si>
    <t>Conducts complex investigative and surveillance activities with respect to enforcement of the Federal Railroad Administration’s Track Safety Standards.</t>
  </si>
  <si>
    <t>A concrete pipe made of a mixture of portland cement and asbestos fiber and highly resistant to corrosion; used in drainage, waterworks, and sewage systems.</t>
  </si>
  <si>
    <t>238990 All Other Specialty Trade Contractors</t>
  </si>
  <si>
    <t xml:space="preserve">237310 Highway, Street, and Bridge Construction   238990 All Other Specialty Trade Contractors       </t>
  </si>
  <si>
    <t>238910 - Site Preparation Contractors</t>
  </si>
  <si>
    <t>238990 All Other Specialty Trade Contractors   237310 Highway, Street, and Bridge Construction</t>
  </si>
  <si>
    <t>A trailer mounted message sign or radar gun and computer that is powered by a generator or solar power, which determines, displays, and informs motorists of their vehicle speed in real-time and stores data for further analysis</t>
  </si>
  <si>
    <t>423490 - Surveying Equipment and Supplies Merchant Wholesalers</t>
  </si>
  <si>
    <t>Firm that supplies materials for traffic striping and markings</t>
  </si>
  <si>
    <t>423390-Other Construction Material Merchant Wholesaler</t>
  </si>
  <si>
    <t>Installation of steel pipe under an existing roadway to reduce damage and disruption.</t>
  </si>
  <si>
    <t>CSLB General A Engineering Contractor</t>
  </si>
  <si>
    <t>237310 - Highway, Street, and Bridge Construction</t>
  </si>
  <si>
    <t>238120 - Structural Steel and Precast Concrete Contractors</t>
  </si>
  <si>
    <t xml:space="preserve">423850 - Service Establishment Equipment and Supplies Merchant Wholesalers </t>
  </si>
  <si>
    <t>541611 - Administrative Management &amp; General Management Consulting Business</t>
  </si>
  <si>
    <t>541340 - Drafting Services</t>
  </si>
  <si>
    <t>541360 - Geophysical Surveying and Mapping Services or 541330 - Engineering Services</t>
  </si>
  <si>
    <t>Everything that needs to be measurable for labor, materials and equipment.</t>
  </si>
  <si>
    <t>813319 - Other Social Advocacy Organizations</t>
  </si>
  <si>
    <t>Field of study that researches and examines the use of energy in communities as well as the types of energy that is used (hydro, solar, coal, nuclear, etc.)</t>
  </si>
  <si>
    <t>541690 - Other Scientific and Technical Consulting Services
541712 - Research and Development in the Physical, Engineering, and Life Sciences (except Biotechnology)</t>
  </si>
  <si>
    <t>Field of study that reasearches and examines diversity in local communities and identifies adverse impacts of proposed construction projects</t>
  </si>
  <si>
    <t>541720 - Research and Development in the Social Sciences and Humanities</t>
  </si>
  <si>
    <t>712120 - Historical Sites
541620 - Environmental Consulting Services</t>
  </si>
  <si>
    <t>Individuals who are primarily engaged in social advocacy and the advancement of social causes in their respective communities.</t>
  </si>
  <si>
    <t>541310 Architectural Services</t>
  </si>
  <si>
    <t>541330 Engineering Services</t>
  </si>
  <si>
    <t xml:space="preserve">This industry also includes establishments of general management consultants that provide a full range of administrative; human resource; marketing; process, physical distribution, and logistics; or other management consulting services to clients. 
</t>
  </si>
  <si>
    <t>541611 Administrative Management and General Management Consulting Services</t>
  </si>
  <si>
    <t>This U.S. industry comprises establishments primarily engaged in collecting and/or hauling hazardous waste within a local area and/or operating hazardous waste transfer stations. Hazardous waste collection establishments may be responsible for the identification, treatment, packaging, and labeling of waste for the purposes of transport</t>
  </si>
  <si>
    <t>562112 Hazardous Waste Collection</t>
  </si>
  <si>
    <t>236118 Residential Remodelers</t>
  </si>
  <si>
    <t>238110 - Poured Concrete Foundation  and Structure Contractors
238120 - Structural Steel and Precast Concrete Contractors</t>
  </si>
  <si>
    <t xml:space="preserve">238210 - Electrical Contractors </t>
  </si>
  <si>
    <t>237310 - Highway, Street and Bridge Construction</t>
  </si>
  <si>
    <t>237990 - Other Heavy and Civil Engineering Construction</t>
  </si>
  <si>
    <t>561730 - Landscaping Services</t>
  </si>
  <si>
    <t>237110 - Water and Sewer Line and Related Structures</t>
  </si>
  <si>
    <t>238110 - Poured Concrete Foundation and Structure Contractors</t>
  </si>
  <si>
    <r>
      <t xml:space="preserve">238990 - </t>
    </r>
    <r>
      <rPr>
        <sz val="11"/>
        <color rgb="FF000000"/>
        <rFont val="Verdana"/>
        <family val="2"/>
      </rPr>
      <t>All Other Specialty Trade Contractors</t>
    </r>
  </si>
  <si>
    <r>
      <t xml:space="preserve">237310 - </t>
    </r>
    <r>
      <rPr>
        <sz val="11"/>
        <color rgb="FF000000"/>
        <rFont val="Verdana"/>
        <family val="2"/>
      </rPr>
      <t>Highway, Street, and Bridge Construction</t>
    </r>
  </si>
  <si>
    <t>238990 - All Other Specialty Trade Contractors</t>
  </si>
  <si>
    <r>
      <t>238910 -</t>
    </r>
    <r>
      <rPr>
        <sz val="11"/>
        <color rgb="FF000000"/>
        <rFont val="Verdana"/>
        <family val="2"/>
      </rPr>
      <t>Site Preparation Contractors</t>
    </r>
  </si>
  <si>
    <r>
      <t xml:space="preserve">238910 - </t>
    </r>
    <r>
      <rPr>
        <sz val="11"/>
        <color rgb="FF000000"/>
        <rFont val="Verdana"/>
        <family val="2"/>
      </rPr>
      <t>Site Preparation Contractors</t>
    </r>
  </si>
  <si>
    <r>
      <t xml:space="preserve">238120 - </t>
    </r>
    <r>
      <rPr>
        <sz val="11"/>
        <color rgb="FF000000"/>
        <rFont val="Verdana"/>
        <family val="2"/>
      </rPr>
      <t>Structural Steel and Precast Concrete Contractors</t>
    </r>
  </si>
  <si>
    <r>
      <t xml:space="preserve">238140 - </t>
    </r>
    <r>
      <rPr>
        <sz val="11"/>
        <color rgb="FF000000"/>
        <rFont val="Verdana"/>
        <family val="2"/>
      </rPr>
      <t>Masonry Contractors</t>
    </r>
  </si>
  <si>
    <t>238140 - Masonry Contractors</t>
  </si>
  <si>
    <r>
      <t xml:space="preserve">238110 - </t>
    </r>
    <r>
      <rPr>
        <sz val="11"/>
        <color rgb="FF000000"/>
        <rFont val="Verdana"/>
        <family val="2"/>
      </rPr>
      <t>Poured Concrete Foundation and Structure Contractors</t>
    </r>
  </si>
  <si>
    <r>
      <t xml:space="preserve">238390 - </t>
    </r>
    <r>
      <rPr>
        <sz val="11"/>
        <color rgb="FF000000"/>
        <rFont val="Verdana"/>
        <family val="2"/>
      </rPr>
      <t>Other Building Finishing Contractors</t>
    </r>
  </si>
  <si>
    <t>115310 - Support Activities for Forestry</t>
  </si>
  <si>
    <r>
      <t>237110 -</t>
    </r>
    <r>
      <rPr>
        <sz val="11"/>
        <color rgb="FF000000"/>
        <rFont val="Verdana"/>
        <family val="2"/>
      </rPr>
      <t xml:space="preserve"> Water and Sewer Line and Related Structures Construction</t>
    </r>
  </si>
  <si>
    <r>
      <t>237110</t>
    </r>
    <r>
      <rPr>
        <sz val="11"/>
        <color rgb="FF000000"/>
        <rFont val="Verdana"/>
        <family val="2"/>
      </rPr>
      <t xml:space="preserve"> - Water and Sewer Line and Related Structures Construction</t>
    </r>
  </si>
  <si>
    <t>331210 - Iron and Steel Pipe and Tube Manufacturing from Purchased Steel</t>
  </si>
  <si>
    <r>
      <t xml:space="preserve">238910 - </t>
    </r>
    <r>
      <rPr>
        <sz val="11"/>
        <color rgb="FF000000"/>
        <rFont val="Verdana"/>
        <family val="2"/>
      </rPr>
      <t>Site Preparation Contractors
238110 - Poured Concrete Foundation and Structure Contractors</t>
    </r>
  </si>
  <si>
    <r>
      <t xml:space="preserve">213111 - </t>
    </r>
    <r>
      <rPr>
        <sz val="11"/>
        <color rgb="FF000000"/>
        <rFont val="Verdana"/>
        <family val="2"/>
      </rPr>
      <t>Drilling Oil and Gas Wells</t>
    </r>
  </si>
  <si>
    <r>
      <t xml:space="preserve">238210 - </t>
    </r>
    <r>
      <rPr>
        <sz val="11"/>
        <color rgb="FF000000"/>
        <rFont val="Verdana"/>
        <family val="2"/>
      </rPr>
      <t>Electrical Contractors</t>
    </r>
  </si>
  <si>
    <t>238350 - Finish Carpentry Contractors
238130 – Framing Carpentry Contractors</t>
  </si>
  <si>
    <t>541370 - Surveying and Mapping Services</t>
  </si>
  <si>
    <t>238310 - Drywall and Insulation Contractors</t>
  </si>
  <si>
    <t>238320 - Painting and Wall Covering Contractors</t>
  </si>
  <si>
    <t>238350 - Finish Carpentry Contractors</t>
  </si>
  <si>
    <t>238160 - Roofing Contractors</t>
  </si>
  <si>
    <t>238340 - Tile and Terrazzo Contractors</t>
  </si>
  <si>
    <t>238390 - Other Building Finishing Contractors</t>
  </si>
  <si>
    <t>238330 - Flooring Contractors</t>
  </si>
  <si>
    <t>238220 - Plumbing, Heating and Air Conditioning Contractors</t>
  </si>
  <si>
    <t>238210 - Electrical Contractors</t>
  </si>
  <si>
    <t>238150 - Glass and Glazing Contractors</t>
  </si>
  <si>
    <t>562910 - Remediation Services</t>
  </si>
  <si>
    <t>237110 - Water and Sewer Line and Related Structures Construction</t>
  </si>
  <si>
    <t>238140 - Masonry Contractors 238170-Siding Contractors</t>
  </si>
  <si>
    <t>532411- Construction, Transportation, Mining and Forestry Machinery and Equipment Rental</t>
  </si>
  <si>
    <t>238290 - Other Building Equipment Contractors</t>
  </si>
  <si>
    <t>493110 - General Warehousing and Storage</t>
  </si>
  <si>
    <r>
      <t xml:space="preserve">C-12 Earthwork &amp; Paving Contractor </t>
    </r>
    <r>
      <rPr>
        <b/>
        <sz val="11"/>
        <color theme="1"/>
        <rFont val="Verdana"/>
        <family val="2"/>
      </rPr>
      <t>OR</t>
    </r>
    <r>
      <rPr>
        <sz val="11"/>
        <color theme="1"/>
        <rFont val="Verdana"/>
        <family val="2"/>
      </rPr>
      <t xml:space="preserve"> 
A-General Engineering Contractor - CSLB</t>
    </r>
  </si>
  <si>
    <r>
      <t xml:space="preserve">A-General Engineer Contractor </t>
    </r>
    <r>
      <rPr>
        <b/>
        <sz val="11"/>
        <color theme="1"/>
        <rFont val="Verdana"/>
        <family val="2"/>
      </rPr>
      <t>OR</t>
    </r>
    <r>
      <rPr>
        <sz val="11"/>
        <color theme="1"/>
        <rFont val="Verdana"/>
        <family val="2"/>
      </rPr>
      <t xml:space="preserve"> 
C-12 Earthwork &amp; Paving Contractor - CSLB</t>
    </r>
  </si>
  <si>
    <t>C-33 Painting and Decorating Contractor - CSLB</t>
  </si>
  <si>
    <t>Completion of a training program by the Federal Railroad Administration in railroad track inspection</t>
  </si>
  <si>
    <t>A-General Engineering Contractor - CSLB</t>
  </si>
  <si>
    <t>B-General Building Contractor - CSLB</t>
  </si>
  <si>
    <t>C-5 Framing &amp; Rough Carpentry - CSLB</t>
  </si>
  <si>
    <t>C-6 Cabinet, Millwork &amp; Finish Carpentry - CSLB</t>
  </si>
  <si>
    <t>License from the CA Department of Pesticide Regulation (DPR)</t>
  </si>
  <si>
    <t>C-7 Low Voltage Systems Contractor - CSLB</t>
  </si>
  <si>
    <t>C-21 Building Moving/Demolition Contractor - CSLB</t>
  </si>
  <si>
    <t>237310 - Highway, Street &amp; Bridge Construction</t>
  </si>
  <si>
    <t>Initial application of liquid to absorbent surface prior to construction; possibly the first coat in a series of applications.</t>
  </si>
  <si>
    <t>The placing of a polyester concrete overlay with a prime coat of high-molecular-weight methacrylate resin to bridge decks.</t>
  </si>
  <si>
    <t>488210 - Support Activities For Rail Transportation</t>
  </si>
  <si>
    <t>Consisting of fabricated and cast metal parts involved in the construction of pumping plants, including metal parts in the pump house, outside stairway, storage box and discharge box and the roadway type inlet frames and grates at the pumping plant site.</t>
  </si>
  <si>
    <t>A synthetic products contractor installs: synthetic counter tops and wall covering; fiberglass, plastic, vinyl and epoxy products; plastic tile board and decorative art work; and synthetic turf; Bathtub and enamel refinishing, resin and epoxy application, and synthetic caulking and sealants, reservoir liners, vinyl swimming pool relining; pier piling wrap and rodent guards; PVC piping systems for irrigation and drainage; subsurface irrigation drip systems.</t>
  </si>
  <si>
    <t>Constructs, maintains, repairs, installs, or subcontracts the development of landscape systems and facilities for public and private gardens and other areas which are designed to aesthetically or functionally improve the grounds.</t>
  </si>
  <si>
    <t>238350 - Finish Carpentry Contractors                
236210 - Industrial Building Construction   
238390 - Other Building Finishing Contractors</t>
  </si>
  <si>
    <t>CONSTRUCTION EQUIPMENT RENTAL</t>
  </si>
  <si>
    <t xml:space="preserve">Firms that use fiber rolls, gravel berms, check dams, drainage inlet protection, slope control blankets, concrete washout systems, temp construction entrances, straw bale barriers, during the construction phase (not the final product) </t>
  </si>
  <si>
    <t>CORRUGATED STEEL PIPE ENERGY DISSIPATOR</t>
  </si>
  <si>
    <t>REINFORCED CONCRETE SEWER PIPE</t>
  </si>
  <si>
    <t>COMMERICAL ELECTRICAL</t>
  </si>
  <si>
    <t>SWIMMING POOL CONTRACTOR</t>
  </si>
  <si>
    <t xml:space="preserve">SYNTHETIC PRODUCT INSTALLATION </t>
  </si>
  <si>
    <t>SOUND WALL 
(MASONRY BLOCK-CONCRETE)</t>
  </si>
  <si>
    <t>424930 - Flower, Nursery Stock, and Florists' Supplies Merchant Wholesalers</t>
  </si>
  <si>
    <t>424710 -Petroleum Bulk Stations and Terminals</t>
  </si>
  <si>
    <t>423320 - Brick, Stone, and Related Construction Material Merchant Wholesalers</t>
  </si>
  <si>
    <t>423510 - Metal Service Centers and Other Metal Merchant Wholesalers</t>
  </si>
  <si>
    <t>444190 - Other Building Material Dealers</t>
  </si>
  <si>
    <t>424110 - Printing and Writing Paper Merchant Wholesalers</t>
  </si>
  <si>
    <t>444120 - Paint and Wallpaper Stores</t>
  </si>
  <si>
    <t>423610 - Electrical Apparatus and Equipment, Wiring Supplies, and Related Equipment Merchant Wholesalers</t>
  </si>
  <si>
    <t>444110 - Building Material and Supplies Dealer</t>
  </si>
  <si>
    <t xml:space="preserve">444190 - Other Building Material Dealers                 
444110 - Building Material and Supplies Dealer </t>
  </si>
  <si>
    <t>425120 - Wholesale Trade Agents and Brokers</t>
  </si>
  <si>
    <t>NO LICENSE REQUIRED - Must possess a warehouse and have inventory (not just token amounts or catalogued) and be open to public.</t>
  </si>
  <si>
    <t>STORM WATER SYSTEMS SUPPLIER</t>
  </si>
  <si>
    <t>ELECTRICAL &amp; SIGNALS SUPPLIER</t>
  </si>
  <si>
    <t>425120 - Wholesale Trade Agents and Broker           
423990 - Other Miscellaneous Durable Goods</t>
  </si>
  <si>
    <t>561110 - Office Administrative Services</t>
  </si>
  <si>
    <t>541511 - Custom Computer Programming Services 
541512 - Computer Systems Design Services</t>
  </si>
  <si>
    <t>541310 - Architectural Services</t>
  </si>
  <si>
    <t>541820 - Public Relations Agencies</t>
  </si>
  <si>
    <t>541330- Engineering Services</t>
  </si>
  <si>
    <t>541320 - Landscape Architectural Services</t>
  </si>
  <si>
    <t>541990 - All Other Professional, Scientific and Technical Services</t>
  </si>
  <si>
    <t>541360 - Geophysical Surveying and Mapping Services 
541330 - Engineering Services</t>
  </si>
  <si>
    <t>541512 - Computer System Design Services</t>
  </si>
  <si>
    <t>541310 - Architectural Services 
541330 - Engineering Services 
236210 - Industrial Building Construction</t>
  </si>
  <si>
    <t>541310 - Architectural Services 
541330 - Engineering Services 
237310 - Highway, Street and Bridge Construction</t>
  </si>
  <si>
    <t>541310 - Architectural Services 
541330 - Engineering Services 
237110 - Water and Sewer Line and Related Structures Construction</t>
  </si>
  <si>
    <t>541310 - Architectural Services 
541330 - Engineering Services 
237990 - Other Heavy and Civil Engineering Construction</t>
  </si>
  <si>
    <t>624120 - Services for the Elderly and Persons with disabilities</t>
  </si>
  <si>
    <t>541990 - All Other Professional, Scientific and Technical Consulting Services</t>
  </si>
  <si>
    <t>Architect License - California Architects Board</t>
  </si>
  <si>
    <r>
      <t xml:space="preserve">221310 - </t>
    </r>
    <r>
      <rPr>
        <sz val="11"/>
        <color rgb="FF000000"/>
        <rFont val="Verdana"/>
        <family val="2"/>
      </rPr>
      <t>Water, Sewage and Other Systems                    
237110-Water and Sewer Line and Related Structures Construction</t>
    </r>
  </si>
  <si>
    <r>
      <t xml:space="preserve">221310 - </t>
    </r>
    <r>
      <rPr>
        <sz val="11"/>
        <color rgb="FF000000"/>
        <rFont val="Verdana"/>
        <family val="2"/>
      </rPr>
      <t>Water, Sewage and Other Systems                                       
237110 - Water and Sewer Line and Related Structures Construction</t>
    </r>
  </si>
  <si>
    <t xml:space="preserve">238910 - Site Preparation Contractors 
</t>
  </si>
  <si>
    <t xml:space="preserve">237310 - Highway, Street, and Bridge Construction   
238990 - All Other Specialty Trade Contractors       </t>
  </si>
  <si>
    <t>484220 - Specialized Freight Trucking, Local 
484230 - Specialized Freight Trucking, Long Distance</t>
  </si>
  <si>
    <t>532120 - Truck, Utility Trailer, and RV (Recreational Vehicle) Rental and Leasing</t>
  </si>
  <si>
    <r>
      <t xml:space="preserve">484110 - General Freight Trucking, Local 
</t>
    </r>
    <r>
      <rPr>
        <sz val="11"/>
        <color rgb="FF000000"/>
        <rFont val="Verdana"/>
        <family val="2"/>
      </rPr>
      <t>484121 - General Freight Trucking, Long-Distance</t>
    </r>
  </si>
  <si>
    <t>562112 - Hazardous Waste Collection</t>
  </si>
  <si>
    <t>484230 - Specialized Freight (except Used Goods) Trucking, Long-Distance
562112 - Hazardous Waste Collection</t>
  </si>
  <si>
    <t>Hazardous Substance Removal Certification (HAZ) - CSLB</t>
  </si>
  <si>
    <t>California Test Methods Certification - Caltrans</t>
  </si>
  <si>
    <t>This industry comprises government establishments primarily engaged in the administration and planning of the development of urban and rural areas. Included in this industry are government zoning boards and commissions.</t>
  </si>
  <si>
    <t>A trucking business that owns a 10 wheel end dump truck and transfer trailer</t>
  </si>
  <si>
    <t>CONSTRUCTION MANAGEMENT – COMMERCIAL AND INSTITUTIONAL BUILDING CONSTRUCTION</t>
  </si>
  <si>
    <t>CONSTRUCTION MANAGEMENT – INDUSTRIAL BUILDING CONSTRUCTION</t>
  </si>
  <si>
    <t>CONSTRUCTION MANAGEMENT – OIL AND GAS PIPELINE AND RELATED STRUCTURES CONSTRUCTION</t>
  </si>
  <si>
    <t>This industry comprises establishments primarily engaged in providing advice and assistance to businesses and other organizations on environmental issues, such as the control of environmental contamination from pollutants, toxic substances, and hazardous materials. These establishments identify problems (e.g., inspect buildings for hazardous materials), measure and evaluate risks, and recommend solutions. They employ a multidiscipline staff of scientists, engineers, and other technicians with expertise in areas, such as air and water quality, asbestos contamination, remediation, and environmental law. Establishments providing sanitation or site remediation consulting services are included in this industry.</t>
  </si>
  <si>
    <t>The construction scheduling is to assign dates to project activities; intend to match the resources of equipment, materials and labor with project work tasks over time; eliminate problems due to production bottlenecks, facilitate the timely procurement of necessary labor &amp; materials; insure the completion of a project as stipulated per contract requirement.</t>
  </si>
  <si>
    <t>Field of study that researches and examines diversity in local communities and identifies adverse impacts of proposed construction projects</t>
  </si>
  <si>
    <t>Scientific study of past human culture and behavior; involves surveying, excavation and eventually analysis of data collected.</t>
  </si>
  <si>
    <t>CITIZEN, COMMUNITY INVOLVEMENT</t>
  </si>
  <si>
    <t>The operation of activities for alleviating or  minimizing  work-related traffic delays by the effective application of traditional traffic, handling practices and an innovative combination of various strategies.</t>
  </si>
  <si>
    <t>REAL ESTATE SALESPERSON</t>
  </si>
  <si>
    <t>Real Estate Salesperson - California Department of Real Estate</t>
  </si>
  <si>
    <t>Landscape Architect - California Board of Architects</t>
  </si>
  <si>
    <t>C8759</t>
  </si>
  <si>
    <t>SURVEYING - AERIAL GEOPHYSICAL</t>
  </si>
  <si>
    <t>This industry comprises establishments primarily engaged in gathering, interpreting, and mapping geophysical data.  Establishments in this industry often specialize in locating and measuring the extent of subsurface resources, such as oil, gas, and minerals, but they may also conduct survey for engineering purposes.  Establishments in hits industry use a variety of surveying techniques depending on the purpose of the survey, including magnetic surveys, gravity surveys, seismic, surveys, or electrical and electromagnetic surveys.</t>
  </si>
  <si>
    <t>Real Estate Broker - California Department of Real Estate</t>
  </si>
  <si>
    <t>541360 - Aerial Geophysical Surveying Services</t>
  </si>
  <si>
    <t>C8851</t>
  </si>
  <si>
    <t>LEAD COMPLIANCE</t>
  </si>
  <si>
    <t>Prepare a work plan to prevent or minimize worker exposure to lead, while handling and managing earth material, plant debris, traffic stripe residue and pavement marking containing lead.</t>
  </si>
  <si>
    <t>Industrial Hygienist</t>
  </si>
  <si>
    <t>C8852</t>
  </si>
  <si>
    <t>SWPPP PLANNING</t>
  </si>
  <si>
    <t>Develops and implements a storm water pollution prevention plan on construction sites to prevent storm water runoffs from being contaminated</t>
  </si>
  <si>
    <t>QSP/QSD Certification</t>
  </si>
  <si>
    <t>C8853</t>
  </si>
  <si>
    <t>BIOLOGICAL RESOURCES STUDIES</t>
  </si>
  <si>
    <t>C-53 Swimming Pool Contractor - CSLB</t>
  </si>
  <si>
    <t>Photogrammetric surveys are often the basis for topographic maps, land use planning and environmental studies. Geomatic method of collecting information by sing aerial photography.</t>
  </si>
  <si>
    <t>Plans, elevations, sections &amp; other drawings necessary for a building, highway, street or other structure (EXCEPT BRIDGES).</t>
  </si>
  <si>
    <t>541310 - Architectural Services
541330 - Engineering Services</t>
  </si>
  <si>
    <t>CONSTRUCTION ENGINEERING &amp; INSPECTION SERVICES</t>
  </si>
  <si>
    <t>BUILDING INSPECTION SERVICES</t>
  </si>
  <si>
    <t>MATERIAL TESTING SERVICES</t>
  </si>
  <si>
    <t>Individual who renders professional consulting  or project managment services complementing the architect or engineer’s services.</t>
  </si>
  <si>
    <t xml:space="preserve">All work involved in construction engineering and inspection of contract items performed by the contractor, including inspection of Change Order items, monitoring the contractor's compliance with Federal, State and local agencies regulations, preparing quantity calculations, reviewing engineering shop drawings, checking falsework plans and calculations, contract administration work and all work related to complete the construction projects. </t>
  </si>
  <si>
    <t>I7384</t>
  </si>
  <si>
    <t xml:space="preserve">Establishments primarily engaged in providing guard and patrol services, such as bodyguard, guard dog, and parking security services. </t>
  </si>
  <si>
    <t>561612 - Security Guards and Patrol Services</t>
  </si>
  <si>
    <t>SECURITY GUARD/GUARD PATROL SERVICES</t>
  </si>
  <si>
    <t>541618 - Other Management Consulting Services</t>
  </si>
  <si>
    <t>Applying traffic stripes and pavement markings; recommended for temporary striping or for restriping (maintaining existing stripes).</t>
  </si>
  <si>
    <t>THERMOPLASTIC TRAFFIC STRIPING &amp; MARKING</t>
  </si>
  <si>
    <t>PAINTED TRAFFIC STRIPING &amp; MARKING</t>
  </si>
  <si>
    <t>I7200</t>
  </si>
  <si>
    <t>PORTER SERVICES</t>
  </si>
  <si>
    <t xml:space="preserve"> </t>
  </si>
  <si>
    <t>This industry comprises establishments primarily engaged in providing personal services (except personal care services, death care services, drycleaning and laundry services, pet care services, photofinishing services, or parking space and/or valet parking services).</t>
  </si>
  <si>
    <t>CONSTRUCTION STAKING SUPPLIER</t>
  </si>
  <si>
    <t xml:space="preserve">BROKER </t>
  </si>
  <si>
    <t>TRAFFIC STRIPES, MARKING AND TRAFFIC CONTROL MATERIALS SUPPLIER</t>
  </si>
  <si>
    <r>
      <t xml:space="preserve">A- General Engineer, D-06 Concrete Related Services-CSLB </t>
    </r>
    <r>
      <rPr>
        <b/>
        <sz val="11"/>
        <color theme="1"/>
        <rFont val="Verdana"/>
        <family val="2"/>
      </rPr>
      <t>OR</t>
    </r>
    <r>
      <rPr>
        <sz val="11"/>
        <color theme="1"/>
        <rFont val="Verdana"/>
        <family val="2"/>
      </rPr>
      <t xml:space="preserve"> 
C-8 Concrete Contractor - CSLB</t>
    </r>
  </si>
  <si>
    <t>ARCHITECT</t>
  </si>
  <si>
    <t>Planning includes addressing the access and mobility needs of bicyclists and pedestrians to travel to work and non-work destinations - including education centers, commerce, entertainment, and recreation - within and in close proximity to neighborhoods.  The study identifies
the types and costs of pedestrian facilities that have the greatest impact on improving the pedestrian environment</t>
  </si>
  <si>
    <t>GEOLOGIST</t>
  </si>
  <si>
    <t>LAND SURVEYOR</t>
  </si>
  <si>
    <t>MATERIALS TESTING SERVICES</t>
  </si>
  <si>
    <t>C-35 Lathing &amp; Plastering Contractor- CSLB</t>
  </si>
  <si>
    <t>C-15 Flooring &amp; Floor Covering Contractor-CSLB</t>
  </si>
  <si>
    <t>C-54 Ceramic &amp; Mosaic Tile Contractor- CSLB</t>
  </si>
  <si>
    <t xml:space="preserve">GRANITE &amp; MARBLE SUPPLIER </t>
  </si>
  <si>
    <t>C-33 Painting and Decorating Contractor -CSLB</t>
  </si>
  <si>
    <t>238320 - Painting and Wall Covering Contractor</t>
  </si>
  <si>
    <t>CITIZEN COMMUNITY INVOLVMENT</t>
  </si>
  <si>
    <t>Plans, elevations, sections &amp; other drawings necessary for a building or other structure. (Except Bridges)</t>
  </si>
  <si>
    <t>Professional Engineers and Land Surveyors (BPELS)</t>
  </si>
  <si>
    <t>The construction scheduling is to assign dates to project activities; intend to match the resources of equipment, materials and labor with project work tasks over time; eliminate problems due to production bottlenecks, facilitate the timely procurement of necessary labor &amp; materials; insure the completion of a project as stipuled per contract requirement.</t>
  </si>
  <si>
    <t xml:space="preserve">This Work Code Description Chart is a guide only and not a conclusive or comprehensive list of work performed by DBE firms. Certifying agencies use these descriptions, and the accompanying license and NAICS Code cross references, to assign codes that describe a firm's primary business activity.  These codes distinguish DBE firms involved in the physically act of construction from those that provide support services and supplies to the construction industry.  The tabulated spreadsheets have these various categories separated into specific workgroups. Please note that the issue of whether a firm performs Commercially Useful Function (CUF) is not reviewed at the time of certification (refer 49 CFR 26.73(a)(1)); </t>
  </si>
  <si>
    <t>Planning includes addressing the access and mobility needs of bicyclists and pedestrians to travel to work and non-work destinations - including education centers, commerce, entertainment, and recreation - within and in close proximity to neighborhoods.  the study identifies
the types and costs of pedestrian facilities that have the greatest impact on
improving the pedestrian environment</t>
  </si>
  <si>
    <t>Establishments primarily engaged in renting, buying, selling, and managing real estate for others.</t>
  </si>
  <si>
    <t>Establishements primarily engaged in appraising and brokering real estate.</t>
  </si>
  <si>
    <t>Estalibhsments primarily engaged in appraising commercial real estate.</t>
  </si>
  <si>
    <t>Establishements primarily engaged in appraising businesses.</t>
  </si>
  <si>
    <t xml:space="preserve">This industry comprises establishments primarily engaged in e-commerce, or drop shipment of all and sundry materials without taking ownership of the materials being sold, for a fee. </t>
  </si>
  <si>
    <t>Establishments primarily engaged in the farming of general crops.</t>
  </si>
  <si>
    <t xml:space="preserve">Establishments primarily engaged in control of animals, such as dog pounds. </t>
  </si>
  <si>
    <t xml:space="preserve">Establishments primarily engaged in </t>
  </si>
  <si>
    <t>State License as appropriate</t>
  </si>
  <si>
    <t>No License however operation should be a manufacturing concern in substance and form, not in name only. Financial accounts should reflect this, together with a manufacturing plant for the operation which has work in progress, finished goods, and an active production line.</t>
  </si>
  <si>
    <t>Establishments primarily engaged in weaving fabrics more than 12 inches (30.48 centimeters) in width, wholly or chiefly by weight of fabric.</t>
  </si>
  <si>
    <t>Establishments primarily engaged in manufacturing yarn and thread</t>
  </si>
  <si>
    <t>Establishments primarily engaged in mining minerals.</t>
  </si>
  <si>
    <t>Establishments primarily engaged in mining of non -metallic minerals.</t>
  </si>
  <si>
    <t>(ALL OTHER EXCL. HIGHWAY CONSTRUCTION)</t>
  </si>
  <si>
    <t>Establishments primarily engaged in manufacturing men's and boys' furnishing</t>
  </si>
  <si>
    <t xml:space="preserve"> Establishments primarily engaged in manufacturing women's apparel. </t>
  </si>
  <si>
    <t xml:space="preserve"> Establishments primarily engaged in manufacturing pf caps and related apparel.</t>
  </si>
  <si>
    <t xml:space="preserve"> Establishments primarily engaged in manufacturing girl's and children's apparel. </t>
  </si>
  <si>
    <t xml:space="preserve">Establishments primarily engaged in manufacturing wood products. </t>
  </si>
  <si>
    <t>Establishments primarily engaged in miscellaneous publishing activities using computer, not elsewhere classified, whether or not engaged in printing.</t>
  </si>
  <si>
    <t>Establishments primarily engaged in publishing, printing by any process.</t>
  </si>
  <si>
    <t xml:space="preserve">Establishments primarily engaged in printing services. </t>
  </si>
  <si>
    <t>Establishments primarily engaged in providing word processing typing services</t>
  </si>
  <si>
    <t>Establishments primarily engaged in copy writing and editing services</t>
  </si>
  <si>
    <t>541410 - Word Processing Services</t>
  </si>
  <si>
    <t>This major group includes establishments engaged in MAUFACTURING OF FOOTWARE</t>
  </si>
  <si>
    <t>Establishments primarily engaged in the operation od postal services such as UPS Stores, FedEx Kinkos stores.</t>
  </si>
  <si>
    <t>PREVAILING STATE LICENSING REQUIREMENT</t>
  </si>
  <si>
    <t>PREVAILING STATE LICENSING REQUIREMENT AS NECESSARY</t>
  </si>
  <si>
    <t xml:space="preserve">Establishments primarily engaged in arranging passenger transportation such a travel agents and Cruise Agents. </t>
  </si>
  <si>
    <t>Establishments primarily engaged in furnishing RAIL transportation EQUIPMENT.</t>
  </si>
  <si>
    <t>Establishments primarily engaged in operating local and suburban passenger transportation systems using buses or other motor vehicles over regular routes and on regular schedules within a metropolitan area and its adjacent nonurban areas.</t>
  </si>
  <si>
    <t>Establishments primarily engaged in the wholesale distribution of durable goods, not elsewhere classified, such as DECALS, SIGNS,</t>
  </si>
  <si>
    <t>424990 - Other Miscellaneous Nondurable Goods Merchant Wholesalers</t>
  </si>
  <si>
    <t>424690 - Other Chemical and Allied Products Merchant Wholesalers</t>
  </si>
  <si>
    <t>Establishments primarily engaged in the wholesale distribution of lubricants</t>
  </si>
  <si>
    <t>445310 - Beer, Wine, and Liquor Stores</t>
  </si>
  <si>
    <t>445299 - All Other Specialty Food Stores</t>
  </si>
  <si>
    <t>PREVAILING STATE/FED LICENSING REQUIREMENT AS NECESSARY</t>
  </si>
  <si>
    <t>525110 - Pension Funds</t>
  </si>
  <si>
    <t>524113 - Direct Life Insurance Carriers</t>
  </si>
  <si>
    <t>524126 -  Direct Property and Casualty Insurance Carriers</t>
  </si>
  <si>
    <t>This U.S. industry comprises establishments primarily engaged in initially underwriting (i.e., assuming the risk and assigning premiums) insurance policies that protect policyholders against losses that may occur as a result of property damage or liability.</t>
  </si>
  <si>
    <t xml:space="preserve">This U.S. industry comprises establishments primarily engaged in risk management to mitigate loss via claims. </t>
  </si>
  <si>
    <t xml:space="preserve">A - General Engineering Contractors </t>
  </si>
  <si>
    <t>H</t>
  </si>
  <si>
    <t>J.</t>
  </si>
  <si>
    <t>523910 - Miscellaneous Intermediation</t>
  </si>
  <si>
    <t>This U.S. industry comprises establishments primarily engaged in operating overnight recreational camps, such as children's camps, family vacation camps, hunting and fishing camps, and outdoor adventure retreats that offer trail riding, white-water rafting, hiking, and similar activities. These establishments provide accommodation facilities, such as cabins and fixed campsites, and other amenities, such as food services, recreational facilities and equipment, and organized recreational activities.</t>
  </si>
  <si>
    <t>813920 Professional Organizations</t>
  </si>
  <si>
    <t>This industry comprises establishments primarily engaged in promoting the professional interests of their members and the profession as a whole.</t>
  </si>
  <si>
    <t>IT Related Certification</t>
  </si>
  <si>
    <t>IT Related Certification or C10-Electrical Contractors or C-7 - Low Volatage</t>
  </si>
  <si>
    <t>Establishments primarily engaged in furnishing business services, not elsewhere classified, such as bondspersons, lecture bureaus, notaries public, sign painting, speakers' bureaus, water softening services, and auctioneering services, on a commission or fee basis.</t>
  </si>
  <si>
    <t>PREVAILING STATE/FED LICENSING REQUIREMENT WHERE NECESSARY</t>
  </si>
  <si>
    <t>Establishments primarily engaged in general repair of automotive engines.</t>
  </si>
  <si>
    <t>811121 - Automotive Body, Paint, and Interior Repair and Maintenance</t>
  </si>
  <si>
    <t>PREVAILING STATE LICENSING REQUIREMENT WHERE NECESSARY</t>
  </si>
  <si>
    <t>532111 - Passenger Car Rental</t>
  </si>
  <si>
    <t>PREVAILING STATE/LOCAL GOVT.  LICENSING REQUIREMENT WHERE NECESSARY</t>
  </si>
  <si>
    <t>811198 - All Other Automotive Repair and Maintenance</t>
  </si>
  <si>
    <t xml:space="preserve">This industry comprises establishments primarily engaged in repairing and servicing electrical and electronic componants. </t>
  </si>
  <si>
    <t>PREVAILING STATE/LOCAL GOVT.  LICENSING REQUIREMENT WHERE NECESSARY; OR C10 - ELECTRICAL CONTRACTOR</t>
  </si>
  <si>
    <t>811211 - Consumer Electronics Repair and Maintenance</t>
  </si>
  <si>
    <t>Medical Board of California</t>
  </si>
  <si>
    <t>Dental Board of California</t>
  </si>
  <si>
    <t>This industry comprises establishments of independent mental health practitioners (except physicians) primarily engaged in (1) the diagnosis and treatment of mental, emotional, and behavioral disorders and/or (2) the diagnosis and treatment of individual or group social dysfunction brought about by such causes as mental illness, alcohol and substance abuse, physical and emotional trauma, or stress. These practitioners operate private or group practices in their own offices (e.g., centers, clinics) or in the facilities of others, such as hospitals or HMO medical centers.</t>
  </si>
  <si>
    <t>California State BAR License</t>
  </si>
  <si>
    <t>This industry comprises establishments primarily engaged evaluation, assessment, design and siting of transport facilities (generally streets, highways, bike lanes and public transport lines).</t>
  </si>
  <si>
    <t xml:space="preserve">This industry comprises establishments primarily engaged in recyclable materials include many kinds of glass, paper, metal, plastic, textiles, and electronics. </t>
  </si>
  <si>
    <t>541930 - Translation and Interpretation Services</t>
  </si>
  <si>
    <t>This industry comprises establishments primarily engaged in translating written material and interpreting speech from one language to another and establishments primarily engaged in providing sign language services.</t>
  </si>
  <si>
    <t>This industry comprises government establishments serving as offices of chief executives and their advisory committees and commissions. This industry includes offices of the president, governors, and mayors, in addition to executive advisory commissions.</t>
  </si>
  <si>
    <t>This industry comprises government establishments serving as legislative bodies and their advisory committees and commissions. Included in this industry are legislative bodies, such as Congress, state legislatures, and advisory and study legislative commissions.</t>
  </si>
  <si>
    <t>This industry comprises government establishments serving as councils and boards of commissioners or supervisors and such bodies where the chief executive (e.g., county executive or city mayor) is a member of the legislative body (e.g., county or city council) itself.</t>
  </si>
  <si>
    <t>This industry comprises government establishments primarily engaged in providing general support for government. Such support services include personnel services, election boards, and other general government support establishments that are not classified elsewhere in public administration.</t>
  </si>
  <si>
    <t>This industry comprises civilian courts of law (except Indian tribal and Alaska Native courts). Included in this industry are civilian courts, courts of law, and sheriffs' offices conducting court functions only.</t>
  </si>
  <si>
    <t>This industry comprises government establishments primarily engaged in criminal and civil law enforcement, police, traffic safety, and other activities related to the enforcement of the law and preservation of order. Combined police and fire departments are included in this industry.</t>
  </si>
  <si>
    <t>This U.S. industry comprises establishments primarily engaged in providing verbatim reporting and stenotype recording of live legal proceedings and transcribing subsequent recorded materials.</t>
  </si>
  <si>
    <t>561492 - Court Reporting and Stenotype Services</t>
  </si>
  <si>
    <t>This industry comprises government establishments primarily engaged in public finance, taxation and monetary policy. Included are financial administration activities, such as monetary policy; tax administration and collection; custody and disbursement of funds; debt and investment administration; auditing activities; and government employee retirement trust fund administration.</t>
  </si>
  <si>
    <t>This industry comprises government establishments primarily engaged in the central coordination, planning, supervision and administration of funds, policies, intergovernmental activities, statistical reports and data collection, and centralized programs for educational administration. Government scholarship programs are included in this industry.</t>
  </si>
  <si>
    <t>This industry comprises government establishments primarily engaged in the planning, administration, and coordination of public health programs and services, including environmental health activities, mental health, categorical health programs, health statistics, and immunization services. Government establishments primarily engaged in conducting public health-related inspections are included in this industry.</t>
  </si>
  <si>
    <t>This industry comprises government establishments primarily engaged in the planning, administration, and coordination of programs for public assistance, social work, and welfare activities. The administration of Social Security, disability insurance, Medicare, unemployment insurance, and workers' compensation programs are included in this industry.</t>
  </si>
  <si>
    <t>This industry comprises government establishments primarily engaged in the administration of programs of assistance, training, counseling, and other services to veterans and their dependents, heirs or survivors. Included in this industry are Veterans' Affairs offices that maintain liaison and coordinate activities with other service organizations and governmental agencies.</t>
  </si>
  <si>
    <t>This industry comprises government establishments primarily engaged in the administration and planning of housing programs.</t>
  </si>
  <si>
    <t>This industry comprises government establishments primarily engaged in the administration, promotion and development of economic resources, including business, industry, and tourism. Included in this industry are government establishments responsible for the development of general statistical data and analyses and promotion of the general economic well-being of the governed area.</t>
  </si>
  <si>
    <t>This U.S. industry comprises establishments primarily engaged in providing air traffic control services to regulate the flow of air traffic.</t>
  </si>
  <si>
    <t>This industry comprises government establishments primarily engaged in the administration, regulation, licensing and inspection of utilities, such as communications, electric power (including fossil, nuclear, solar, water, and wind), gas and water supply, and sewerage.</t>
  </si>
  <si>
    <t>This industry comprises government establishments primarily engaged in the planning, administration, and coordination of agricultural programs for production, marketing, and utilization, including educational and promotional activities. Included in this industry are government establishments responsible for regulating and controlling the grading and inspection of food, plants, animals, and other agricultural products.</t>
  </si>
  <si>
    <t>This industry comprises government establishments primarily engaged in the regulation, licensing, and inspection of commercial sectors, such as retail trade, professional occupations, manufacturing, mining, construction, and services. Included in this industry are government establishments maintaining physical standards, regulating hazardous conditions not elsewhere classified, and enforcing alcoholic beverage control regulations.</t>
  </si>
  <si>
    <t>This industry comprises government establishments primarily engaged in the administration and operations of space flights, space research, and space exploration. Included in this industry are government establishments operating space flight centers.</t>
  </si>
  <si>
    <t>This industry comprises government establishments of the Armed Forces, including the National Guard, primarily engaged in national security and related activities.</t>
  </si>
  <si>
    <t>This industry comprises establishments (except those known as home centers, paint and wallpaper stores, and hardware stores) primarily engaged in brokering specialized lines of new building materials, such as lumber, fencing, glass, doors, plumbing fixtures and supplies, electrical supplies, prefabricated buildings and kits, and kitchen and bath cabinets and countertops to be installed. This includes businesses with token inventory or catalogue but involved in finding and arranging drop shipping of goods.</t>
  </si>
  <si>
    <t xml:space="preserve">NO LICENSE REQUIRED </t>
  </si>
  <si>
    <t>This industry comprises establishments primarily engaged in the sale &amp; distribution of flowers, florists' supplies, and/or nursery stock (except plant seeds and plant bulbs).</t>
  </si>
  <si>
    <t xml:space="preserve">This industry comprises establishments primarily engaged in the sale &amp; distribution of Geotextiles, paving fabrics, geogrids, erosion control blankets, turf reinforcement mats, channel liners, SWPPPS materials, fiber rolls, wattles, silt fences, fabric pins, waterproofing membranes, </t>
  </si>
  <si>
    <t>This industry comprises establishments primarily engaged in the sale &amp; distribution of stone, cement, lime, construction sand, and gravel; brick; asphalt and concrete mixtures; and/or concrete, stone, and structural clay products.</t>
  </si>
  <si>
    <t>This industry comprises establishments primarily engaged in the sale &amp; distribution of granite and marble products.</t>
  </si>
  <si>
    <t>This industry comprises establishments primarily engaged in the sale &amp; distribution of  column of wood or steel or concrete that is driven into the ground to provide support for a structure</t>
  </si>
  <si>
    <t>This industry comprises establishments primarily engaged in the sale &amp; distribution of reinforcing rod or bar used for reinforcement in concrete or asphalt pouring.</t>
  </si>
  <si>
    <t xml:space="preserve">This industry comprises establishments primarily engaged in the sale &amp; distribution of products of the primary metals industries. Service centers maintain inventory and may perform functions, such as sawing, shearing, bending, leveling, cleaning, or edging, on a custom basis as part of sales transactions. </t>
  </si>
  <si>
    <t xml:space="preserve">This industry comprises establishments primarily engaged in the sale &amp; distribution of bulk printing and/or writing paper generally on rolls for further processing. </t>
  </si>
  <si>
    <t>This industry comprises establishments primarily engaged in the sale &amp; distribution of products of the primary metals industries. Service centers maintain inventory and may perform functions, such as sawing, shearing, bending, leveling, cleaning, or edging, on a custom basis as part of sales transactions.</t>
  </si>
  <si>
    <t>This industry comprises establishments primarily engaged in the sale &amp; distribution of drain pipes, storm drain pipes, gravity sewerage pipes, highway drains, bridge drains, curb drains.</t>
  </si>
  <si>
    <t xml:space="preserve">This industry comprises establishments primarily engaged in the sale &amp; distribution of filtration systems, volumetric separation systems, screening products, catch basin inserts, hydrodynamic systems, </t>
  </si>
  <si>
    <t>This industry comprises establishments primarily engaged in the sale &amp; distribution of galvanized steel guard rails, railings, barriers, accessories and systems, to improve the safety of highway and other sites.</t>
  </si>
  <si>
    <t xml:space="preserve">This industry comprises establishments primarily engaged in the sale &amp; distribution of pavement makers of various types and colors </t>
  </si>
  <si>
    <t>This industry comprises establishments primarily engaged in the sale &amp; distribution of electrical construction materials; wiring supplies; electric light fixtures; light bulbs; and/or electrical power equipment for the generation, transmission, distribution, or control of electric energy.</t>
  </si>
  <si>
    <t>NO LICENSE REQUIRED - However to get credit as a regular dealar, must possess a warehouse and have inventory (not just a token location or minimal inventory, catalogue) and be open to public, both within and outside the context of the DBE program.</t>
  </si>
  <si>
    <t xml:space="preserve">NO LICENSE REQUIRED - However to get credit as a regular dealar, must  own and operate distribution equipment to supply bulk materials. Supplementing of own equipment to be on long term lease, not ad hoc, and be open to public, both within and outside the context of the DBE program. </t>
  </si>
  <si>
    <t>G1000</t>
  </si>
  <si>
    <t>Non-Store Wholesale Merchant</t>
  </si>
  <si>
    <t>G1001</t>
  </si>
  <si>
    <t>Drop-Shipper</t>
  </si>
  <si>
    <t>Business establishments primarily engaged in sales of merchandize without taking possession of the products; these are generally businesses that source products on behalf of busniess and have the manufacturer ship it directly to the buyer. Payments are either made directly to the manufacturer by the buyer or through the drop-shipper who charges a commission.</t>
  </si>
  <si>
    <t>G1002</t>
  </si>
  <si>
    <t>Online Sales Merchant</t>
  </si>
  <si>
    <t xml:space="preserve">Business establishments primarily engaged in sales ll types of products including consturction and electrical however the entire operation is via the email. </t>
  </si>
  <si>
    <t>G1003</t>
  </si>
  <si>
    <t>Wholesale Trade Agents and Brokers</t>
  </si>
  <si>
    <t>This industry comprises wholesale trade agents and brokers acting on behalf of buyers or sellers in the wholesale distribution of goods. Agents and brokers do not take title to the goods being sold but rather receive a commission or fee for their service. Agents and brokers for all durable and nondurable goods are included in this industry.</t>
  </si>
  <si>
    <t>F5041</t>
  </si>
  <si>
    <t>Medical, Dental and Hospital Equipment</t>
  </si>
  <si>
    <t>This industry comprises establishments primarily engaged in the merchant and wholesale distribution of professional medical and dental equipment, instruments, and supplies.</t>
  </si>
  <si>
    <t>C2301</t>
  </si>
  <si>
    <t>Pipeline, Drain Inspection &amp; Cleaning</t>
  </si>
  <si>
    <t xml:space="preserve">This industry comprises establishments primarily engaged in drain cleaning, high pressure water jetting, underground leak and line detection, video camea/CCTV pipeline inspection, grease trap and liquid waste pumping, backflow protection, automated drain care programs and pope repair and replacement. </t>
  </si>
  <si>
    <t>D2491</t>
  </si>
  <si>
    <t>Compost Manufacturing</t>
  </si>
  <si>
    <t xml:space="preserve">This industry comprises establishments primarily engaged manufacture and sale  of compost using materials such as mulch, leaves, bark, straw, wood chip, sawdust, manure, grass and other waste products. </t>
  </si>
  <si>
    <t>325314 - Compost Manufacturing</t>
  </si>
  <si>
    <t>C9802</t>
  </si>
  <si>
    <t>Building Construction</t>
  </si>
  <si>
    <t>I7221</t>
  </si>
  <si>
    <t>Commercial Photography</t>
  </si>
  <si>
    <t>Business establishments primarily engaged in providing commercial photography services</t>
  </si>
  <si>
    <t>541922 - COMMERCIAL PHOTOGRAPHY</t>
  </si>
  <si>
    <t>C7601</t>
  </si>
  <si>
    <t>Directional Boring/Drilling</t>
  </si>
  <si>
    <t>Business establishments primarily engaged Directional boring install infrastructure such as telecommunications and power cable conduits, water lines, sewer lines, gas lines, oil lines, product pipelines, and environmental remediation casings. It is used for crossing waterways, roadways, shore approaches, congested areas, environmentally sensitive areas, and areas where other methods are costlier or not possible. It is used instead of other techniques to provide less traffic disruption, lower cost, deeper and/or longer installation, no access pit, shorter completion times, directional capabilities, and environmental safety.</t>
  </si>
  <si>
    <t>237990 Other Heavy and Civil Engineering Construction</t>
  </si>
  <si>
    <t>C8708</t>
  </si>
  <si>
    <t>Mass Transit /Transportation Consultant</t>
  </si>
  <si>
    <t xml:space="preserve">Provides advice and assistance to businesses and other organizations on transit and transportation issues. </t>
  </si>
  <si>
    <t>I7295</t>
  </si>
  <si>
    <t>Conference &amp; Event Planning</t>
  </si>
  <si>
    <t>C1290</t>
  </si>
  <si>
    <t>TEMPORARY RAILING (TYPE K)</t>
  </si>
  <si>
    <t xml:space="preserve">Placing temporary concrete barriers to redirect flow of traffic during construction, for parking lots, or where ever traffic needs to be controlled. </t>
  </si>
  <si>
    <t>C8839</t>
  </si>
  <si>
    <t xml:space="preserve">GREEN/RENEWABLE ENERGY SOLUTIONS CONSULTANT </t>
  </si>
  <si>
    <t>Consulting services for property and building owners for greener and more energy efficient systems. </t>
  </si>
  <si>
    <t>Leadership in Energy and Environmental Design - LEED Certification</t>
  </si>
  <si>
    <t>C8860</t>
  </si>
  <si>
    <t>Paleontology</t>
  </si>
  <si>
    <t>C8861</t>
  </si>
  <si>
    <t>Architectural History</t>
  </si>
  <si>
    <t>Study of fossils to determine ecologies of the past to understand the processes that have led to the origination and eventual destruction of the different types of organisms since life arose - includes flora and faunal analysis.</t>
  </si>
  <si>
    <t xml:space="preserve">A person counting traffic in a specific area for statistical data - pertains to data collection and analysis as opposed to the physical act of installing count stations which may require a C10 or C7 electrical license. </t>
  </si>
  <si>
    <t xml:space="preserve">Count of traffic along a particular road, either done electronically or by people counting by the side of the road      </t>
  </si>
  <si>
    <t xml:space="preserve">Graduate degree in study discipline </t>
  </si>
  <si>
    <t>Evaluation of historical buildings and sites to classify them as heritage properties by cities and towns.</t>
  </si>
  <si>
    <r>
      <rPr>
        <b/>
        <u/>
        <sz val="11"/>
        <color theme="1"/>
        <rFont val="Calibri"/>
        <family val="2"/>
        <scheme val="minor"/>
      </rPr>
      <t>Authority to Assign NAICS and Work Codes</t>
    </r>
    <r>
      <rPr>
        <u/>
        <sz val="11"/>
        <color theme="1"/>
        <rFont val="Calibri"/>
        <family val="2"/>
        <scheme val="minor"/>
      </rPr>
      <t xml:space="preserve"> </t>
    </r>
    <r>
      <rPr>
        <sz val="11"/>
        <color theme="1"/>
        <rFont val="Calibri"/>
        <family val="2"/>
        <scheme val="minor"/>
      </rPr>
      <t xml:space="preserve">
• DBE certifying agencies get their authority from 49 CFR 26.71(n) to assign NAICS Codes and Work Codes
• Certifying agencies can, in addition to applying the appropriate NAICS code, apply a descriptor from a classification scheme of equivalent detail and specificity
• The use of </t>
    </r>
    <r>
      <rPr>
        <u/>
        <sz val="11"/>
        <color theme="1"/>
        <rFont val="Calibri"/>
        <family val="2"/>
        <scheme val="minor"/>
      </rPr>
      <t>Work Codes</t>
    </r>
    <r>
      <rPr>
        <sz val="11"/>
        <color theme="1"/>
        <rFont val="Calibri"/>
        <family val="2"/>
        <scheme val="minor"/>
      </rPr>
      <t xml:space="preserve"> is a descriptor that supplements the NAICS Codes in order describe work items on contract bid summaries or scope of work
• Certifying agencies must certify firms as DBEs only with respect to specific types of work in which the certifying agency determines that the socially and disadvantaged owners have </t>
    </r>
    <r>
      <rPr>
        <u/>
        <sz val="11"/>
        <color theme="1"/>
        <rFont val="Calibri"/>
        <family val="2"/>
        <scheme val="minor"/>
      </rPr>
      <t>proven ability</t>
    </r>
    <r>
      <rPr>
        <sz val="11"/>
        <color theme="1"/>
        <rFont val="Calibri"/>
        <family val="2"/>
        <scheme val="minor"/>
      </rPr>
      <t xml:space="preserve"> to control operations of the firm 
• There is </t>
    </r>
    <r>
      <rPr>
        <u/>
        <sz val="11"/>
        <color theme="1"/>
        <rFont val="Calibri"/>
        <family val="2"/>
        <scheme val="minor"/>
      </rPr>
      <t>no such thing as a “generic” certification</t>
    </r>
    <r>
      <rPr>
        <sz val="11"/>
        <color theme="1"/>
        <rFont val="Calibri"/>
        <family val="2"/>
        <scheme val="minor"/>
      </rPr>
      <t xml:space="preserve">, that is, DBE firms are not certified in general terms, in ways that make them eligible to perform any sort of work. Put another way, DBE firms cannot base list their business activity as something they intend to do in future  after certification. 
• At the time of application a DBE firm must provide the </t>
    </r>
    <r>
      <rPr>
        <u/>
        <sz val="11"/>
        <color theme="1"/>
        <rFont val="Calibri"/>
        <family val="2"/>
        <scheme val="minor"/>
      </rPr>
      <t>primary</t>
    </r>
    <r>
      <rPr>
        <sz val="11"/>
        <color theme="1"/>
        <rFont val="Calibri"/>
        <family val="2"/>
        <scheme val="minor"/>
      </rPr>
      <t xml:space="preserve"> business or professional activities the firm is engaged in to enable correct code assignment (primary business is what brings in the most revenue for the business)
• An applicant firm has the sole responsibility of providing detailed company information to a certifying agency to help make an appropriate NAICS and Work Code designations (Work Code designation is not based on the request of a prime contractor to facilitate DBE participation).
• Where a DBE firm intends to be certified in “additional work” after initial certification, the firm needs to demonstrate that its socially and economically disadvantaged owner(s), not employees or acquaintances, are able to control the firm regarding the additional type of work.
• </t>
    </r>
    <r>
      <rPr>
        <sz val="11"/>
        <color rgb="FFFF0000"/>
        <rFont val="Calibri"/>
        <family val="2"/>
        <scheme val="minor"/>
      </rPr>
      <t>DBE firms</t>
    </r>
    <r>
      <rPr>
        <u/>
        <sz val="11"/>
        <color rgb="FFFF0000"/>
        <rFont val="Calibri"/>
        <family val="2"/>
        <scheme val="minor"/>
      </rPr>
      <t xml:space="preserve"> must</t>
    </r>
    <r>
      <rPr>
        <sz val="11"/>
        <color rgb="FFFF0000"/>
        <rFont val="Calibri"/>
        <family val="2"/>
        <scheme val="minor"/>
      </rPr>
      <t xml:space="preserve"> be certified with appropriate NAICS and Work Codes </t>
    </r>
    <r>
      <rPr>
        <u/>
        <sz val="11"/>
        <color rgb="FFFF0000"/>
        <rFont val="Calibri"/>
        <family val="2"/>
        <scheme val="minor"/>
      </rPr>
      <t xml:space="preserve">prior to bid opening </t>
    </r>
    <r>
      <rPr>
        <sz val="11"/>
        <color rgb="FFFF0000"/>
        <rFont val="Calibri"/>
        <family val="2"/>
        <scheme val="minor"/>
      </rPr>
      <t xml:space="preserve"> to qualify as a responsible/responsive bid. As indicated above, CUF is not reviewed during the certification process. Prime contractors must conduct their own due diligence to verify if a firm listed on the DBE database performs a CUF </t>
    </r>
    <r>
      <rPr>
        <u/>
        <sz val="11"/>
        <color rgb="FFFF0000"/>
        <rFont val="Calibri"/>
        <family val="2"/>
        <scheme val="minor"/>
      </rPr>
      <t xml:space="preserve">before </t>
    </r>
    <r>
      <rPr>
        <sz val="11"/>
        <color rgb="FFFF0000"/>
        <rFont val="Calibri"/>
        <family val="2"/>
        <scheme val="minor"/>
      </rPr>
      <t xml:space="preserve"> they commit to use the firm.  This prevents DBE firms from being disallowed post-bid commitment. </t>
    </r>
    <r>
      <rPr>
        <sz val="11"/>
        <color theme="1"/>
        <rFont val="Calibri"/>
        <family val="2"/>
        <scheme val="minor"/>
      </rPr>
      <t xml:space="preserve">
• NACIS Codes and Work Codes are assigned based on documentary evidence and site visit interview that support an applicant’s ability to control technical and operational aspects of their firm, including the disadvantaged owner having all the license necessary to demonstrate control.  
• In many instances, the ability to control operations may require specific qualification or license from accredited institution or state agency. Failure to provide proof of such qualification or license may prevent an applicant from obtaining NAICS and Work Codes
</t>
    </r>
  </si>
  <si>
    <t xml:space="preserve">Placing temporary concrete barriers or other devices to redirect flow of traffic during construction, for parking lots, or where ever traffic needs to be controlled. </t>
  </si>
  <si>
    <t>111421 – Nursery and Tree Production
111422 – Floriculture Production</t>
  </si>
  <si>
    <t>112990 - All Other Animal Production</t>
  </si>
  <si>
    <t>488210 - Support Activities For Rail Transporation</t>
  </si>
  <si>
    <t>541310 - Architectural Services OR 541330 Engineering Services OR 236210 - Indutrial Buildling Construction</t>
  </si>
  <si>
    <t>541310 - Architectural Services OR 541330 Engineering Services OR 237310 - Highway, Street and Bridge Construction</t>
  </si>
  <si>
    <t>541310 - Architectural Services OR 541330 Engineering Services OR 237210 - Land Subdivision</t>
  </si>
  <si>
    <t>541310 - Architectural Services OR 541330 Engineering Services OR 237110 - Water and Sewer Line and Related Structures Construction</t>
  </si>
  <si>
    <t>541310 - Architectural Services OR 541330 Engineering Services OR 237990 - Other Heavy and Civil Engineering Construction</t>
  </si>
  <si>
    <t>484220 - Specialized Freight Trucking, Local 48423 - Specialized Freight Trucking, Long Distance</t>
  </si>
  <si>
    <t>422120 - Savings Institutions</t>
  </si>
  <si>
    <t>525920 - Trusts, Estates and Agency Accounts</t>
  </si>
  <si>
    <t>111219- Other Vegetable and Melon farming</t>
  </si>
  <si>
    <t>112120 - Dairy Cattle and Milk Production</t>
  </si>
  <si>
    <t>115112- Soil Preparation, Planting and Cultivating</t>
  </si>
  <si>
    <t>541940 - Veterinary Services</t>
  </si>
  <si>
    <t>114210 - Hunting and Trapping</t>
  </si>
  <si>
    <t>212210 - Iron Ore Mining</t>
  </si>
  <si>
    <t>212291 – Uranium- Radium- Vanadium Ore Mining</t>
  </si>
  <si>
    <t>424710 - Petroleum Bulk Stations and Terminals</t>
  </si>
  <si>
    <t>423390 - Other Construction Material Merchant Wholesaler</t>
  </si>
  <si>
    <t>237310 - HighwayStreet &amp; Bridge Construction</t>
  </si>
  <si>
    <t>213111- Drilling Oil and Gas Wells</t>
  </si>
  <si>
    <t>541611- Administrative Management and General Management Consulting Services</t>
  </si>
  <si>
    <t>541330 - Engineering Services or 541370 Surveying and Mapping Services</t>
  </si>
  <si>
    <t>541512- Computer System Design Services</t>
  </si>
  <si>
    <t>236118- Residential Remodelers</t>
  </si>
  <si>
    <t>221320 - Sewage Treatment Facility</t>
  </si>
  <si>
    <t>444130 - Hardware Stores</t>
  </si>
  <si>
    <t>111421- Nursery and Tree production</t>
  </si>
  <si>
    <t>453930 - Manufactured (Mobile) Home Dealers</t>
  </si>
  <si>
    <t>445110 - Grocery Stores</t>
  </si>
  <si>
    <t>445210 - Meat Markets</t>
  </si>
  <si>
    <t>445230 - Fruit and Vegetable Markets</t>
  </si>
  <si>
    <t>445292- Confectionary and Nut Stores</t>
  </si>
  <si>
    <t>445299- All Other Specialty Food Stores</t>
  </si>
  <si>
    <t>311811- Retail Bakeries</t>
  </si>
  <si>
    <t>441120 - Used Car Dealers</t>
  </si>
  <si>
    <t>447190 - Other Gasoline Stations</t>
  </si>
  <si>
    <t>441222- Boat Dealers</t>
  </si>
  <si>
    <t>441210 - Recreational Vehicle Dealers</t>
  </si>
  <si>
    <t>448110 - Men’s Clothing Stores</t>
  </si>
  <si>
    <t>448140 - Family Clothing Stores</t>
  </si>
  <si>
    <t>448210 - Shoe Stores</t>
  </si>
  <si>
    <t>722320 - Caterers</t>
  </si>
  <si>
    <t>445310 - Beer, Wine and Liquor Stores</t>
  </si>
  <si>
    <t>453310 - Used Merchandise Stores</t>
  </si>
  <si>
    <t>453110 - Florists</t>
  </si>
  <si>
    <t>522110 - Commercial Banking</t>
  </si>
  <si>
    <t>522130 - Credit Unions</t>
  </si>
  <si>
    <t>522310 - Mortgage and Nonmortgage Loan Brokers</t>
  </si>
  <si>
    <t>524113- Direct Life Insurance Carriers</t>
  </si>
  <si>
    <t>524114- Direct Health and Medical Insurance Carriers</t>
  </si>
  <si>
    <t>524126- Direct Property and Casualty Insurance Carriers</t>
  </si>
  <si>
    <t>524127- Direct Title Insurance Carriers</t>
  </si>
  <si>
    <t>551112- Office of Other Holding Companies</t>
  </si>
  <si>
    <t>721211- RV Parks and Campgrounds</t>
  </si>
  <si>
    <t>541921- Photography Studios, Portrait</t>
  </si>
  <si>
    <t>812111- Barber Shops</t>
  </si>
  <si>
    <t>811430 - Footwear and Leather Goods Repair</t>
  </si>
  <si>
    <t>812210 - Funeral Homes and Funeral Services</t>
  </si>
  <si>
    <t>561439- Other Business Service Centers</t>
  </si>
  <si>
    <t>541430 - Graphic Design Services</t>
  </si>
  <si>
    <t>561720 - Janitorial Services</t>
  </si>
  <si>
    <t>518210 - Data Processing, Hosting and Related Services</t>
  </si>
  <si>
    <t>561621- Security Systems Services</t>
  </si>
  <si>
    <t>541410 - Interior Design Services</t>
  </si>
  <si>
    <t>541922- Commerical Photography</t>
  </si>
  <si>
    <t>812930 - Parking Lots and Garages</t>
  </si>
  <si>
    <t>811111- General Automotive Repair</t>
  </si>
  <si>
    <t>332813- Electroplating, Plating, Polishing, Anodizing and Coloring</t>
  </si>
  <si>
    <t>488410 - Motor Vehicle Towing</t>
  </si>
  <si>
    <t>811420 - Reupholstery and Furniture Repair</t>
  </si>
  <si>
    <t>561622- Locksmiths</t>
  </si>
  <si>
    <t>512110 - Motion Picture and Video Production</t>
  </si>
  <si>
    <t>512120 - Motion Picture and Video Distribution</t>
  </si>
  <si>
    <t>512131- Motion Picture Theaters (except Drive- Ins)</t>
  </si>
  <si>
    <t>711510 - Independent Artists, Writers and Performers</t>
  </si>
  <si>
    <t>711130 - Musical Groups and Artists</t>
  </si>
  <si>
    <t>713950 - Bowling Centers</t>
  </si>
  <si>
    <t>621111- Offices of Physicians (except Mental Health Specialists)</t>
  </si>
  <si>
    <t>621210 - Offices of Dentists</t>
  </si>
  <si>
    <t>621610 - Home Health care Services</t>
  </si>
  <si>
    <t>541110 - Legal Services</t>
  </si>
  <si>
    <t>519120 - Libraries and Archives</t>
  </si>
  <si>
    <t>624410 - Child Day Care Services</t>
  </si>
  <si>
    <t>712110 - Museums</t>
  </si>
  <si>
    <t>813910 - Business Associations</t>
  </si>
  <si>
    <t>813410 - Civic and Social Organizations</t>
  </si>
  <si>
    <t>813940 - Political Organizations</t>
  </si>
  <si>
    <t>813110 - Religious Organizations</t>
  </si>
  <si>
    <t>541211- Accouting, tax Preparation, Bookkeeping and Payroll Services</t>
  </si>
  <si>
    <t>238990 - All Other Specialty Trade Contractors OR 238110 - Poured Concrete Foundation and Structure Contractors</t>
  </si>
  <si>
    <t>484110 - General Freight Trucking, Local or 484121- General Freight Trucking, Long- Distance</t>
  </si>
  <si>
    <t>325413 - In- Vitro Diagnostic Substance Manufacturing</t>
  </si>
  <si>
    <t>327320 - Ready- Mix Concrete Manufacturing</t>
  </si>
  <si>
    <t>333415 - Air- Conditioning and Warm Air Heating Equipment and Commercial and Industrial Refrigeration Equipment Manufacturing</t>
  </si>
  <si>
    <t>333991 - Power- Driven Hand Tool Manufacturing</t>
  </si>
  <si>
    <t>333612 - Speed Changer, Industrial High- Speed Drive, and Gear Manufacturing</t>
  </si>
  <si>
    <t>335931 - Current- Carrying Wiring Device Manufacturing</t>
  </si>
  <si>
    <t>335932 - Noncurrent- Carrying Wiring Device Manufacturing</t>
  </si>
  <si>
    <t>482111 - Line- Haul Railroads</t>
  </si>
  <si>
    <t>221330 - Steam and Air- Conditioning Supply</t>
  </si>
  <si>
    <t>111140 – Wheat Farming
111160 – Rice Farming 
111150 – Corn Farming
111110 – Soybean Farming
111120 – Oilseed Farming
111130 - Dry Pea and Bean Farming
111191 – Oilseed and Grain Combination Farming
111199 – All Other Grain Farming
111920 – Cotton Farming
111910 – Tobacco Farming
111930 – Sugarcane Farming
111991 – Sugar Beet Farming
111211 – Potato Farming
111211 – All Other Grain Farming
111940 – Hay Farming
111992 – Peanut Farming
111998 – All Other Misc Crop Farming</t>
  </si>
  <si>
    <t>111920 – Cotton Farming
111910 – Tobacco Farming
111930 – Sugarcane Farming
111991 – Sugar Beet Farming
111211 – Potato Farming
111211 – All Other Grain Farming
111940 – Hay Farming
111992 – Peanut Farming
111998 – All Other Misc Crop Farming</t>
  </si>
  <si>
    <t>111333 – Strawberry Farming
111334 – Berry (except Strawberry) Farming
111332 – Grape Vineyards
111335 – Tree Nut Farming
111310 – Orange Groves
111320 – Citrus (except Orange) Groves
111339 – Other Non- citrus Fruit Farming
111339 – Other Non-Citrus Fruit Farming
111336 – Fruit and Tree Nut Combination Farming</t>
  </si>
  <si>
    <t>112112 – Cattle Feedlots
112111- Beef Cattle Ranching and Farming
112210 – Hog and Pig Farming
112410 – Sheep Farming
112420 – Goat Farming
112990 – All Other Animal Production</t>
  </si>
  <si>
    <t>112310 - Chicken and Egg Production
112320 – Broilers and Other Meat Type Chicken Production
112330 – Turkey Production
112340 – Poultry Hatcheries
112390 – Other Poultry Production</t>
  </si>
  <si>
    <t>112930 – Fur- Bearing Animal and Rabbit Production
112920 – Horse and Other Equine Production
112990 – All Other Animal Production</t>
  </si>
  <si>
    <t>115210 – Support Activities for Animal Production
311611 – Animal (except poultry) Slaughtering
812910 – Pet Care (except veterinary) Services</t>
  </si>
  <si>
    <t>115115 – Farm Labor Contractors and Crew Leaders
115116 – Farm Management Services</t>
  </si>
  <si>
    <t>541320 – Landscape Architectural Services
541690 – Other Scientific and Technical Consulting Services
561730 – Landscaping Services</t>
  </si>
  <si>
    <t>111421 – Nursery and Tree Production
113110 – Timber Tract Operations</t>
  </si>
  <si>
    <t>113210 - Forest Nurseries and Gathering  of Forest Products
111998 – All Other Misc Crop Farming</t>
  </si>
  <si>
    <t>B. MINING</t>
  </si>
  <si>
    <t>112511 – Finfish Farming and Fish Hatcheries
112512 – Shellfish Farming</t>
  </si>
  <si>
    <t>114111- Finfish Fishing
114112 - Shellfish Fishing
114119 – Other Marine Fishing</t>
  </si>
  <si>
    <t>213114 – Support Activities for Metal Mining
541360 - Geophysical Surveying and Mapping Services</t>
  </si>
  <si>
    <t>212111 – Bituminous Coal and Lignite Surface Mining
212112 – Bituminous Coal Underground Mining</t>
  </si>
  <si>
    <t>212113 - Anthracite Mining</t>
  </si>
  <si>
    <t>212221 – Gold Ore Mining
212222 – Silver Ore Mining</t>
  </si>
  <si>
    <t>213111 – Drilling Oil and Gas Wells
213112 – Support Activities for Oil and Gas Operations
541360 – Geophysical Surveying and Mapping Services
237120 – Oil and Gas Pipeline and Related Structures Construction
238910 – Site Preparation Contractors</t>
  </si>
  <si>
    <t>C-27 Landscaping Contractor- CSLB</t>
  </si>
  <si>
    <t>115111 – Cotton Ginning
115112- Soil Preparation, Planting and Cultivating
115113 – Crop Harvesting, Primarily by Machine
115114 – Postharvest Crop Activities (except Cotton Ginning)</t>
  </si>
  <si>
    <t>448120 - Women’s Clothing Stores
448150 - Clothing Accessories Stores
448190 - Other Clothing Stores</t>
  </si>
  <si>
    <t>541330 - Engineering Services
541370 Surveying and Mapping Services</t>
  </si>
  <si>
    <t>541614 Process, Physical Distribution, and Logistics Consulting Services                                                         
541611 - Administrative Management and General Management Consulting Services</t>
  </si>
  <si>
    <t>561410 - Document Preparation Services</t>
  </si>
  <si>
    <t>541519 - Other Computer Related Services
811212 - Computer and Office Machine Repair and Maintenance</t>
  </si>
  <si>
    <t>488111 - Air Traffic Control
926120 - Regulation and Administration of Transportation Programs</t>
  </si>
  <si>
    <t>541511 - Custom Computer Programming Services</t>
  </si>
  <si>
    <t>561311 - Employment Placement Agencies
561312 - Executive Search Service
561320 - Temporary Help Services
561330 - Professional Employer Organizations</t>
  </si>
  <si>
    <t>531320 - Offices of Real Estate Appraisers
531390 - Other Activities Related to Real Estate</t>
  </si>
  <si>
    <t>531210 - Offices of Real Estate Agents and Brokers
531311 - Residential Property Managers
531312 - Nonresidential Property Managers</t>
  </si>
  <si>
    <r>
      <t xml:space="preserve">Water and </t>
    </r>
    <r>
      <rPr>
        <sz val="11"/>
        <rFont val="Verdana"/>
        <family val="2"/>
      </rPr>
      <t>air pollution</t>
    </r>
    <r>
      <rPr>
        <sz val="11"/>
        <color theme="1"/>
        <rFont val="Verdana"/>
        <family val="2"/>
      </rPr>
      <t xml:space="preserve"> control, recycling, </t>
    </r>
    <r>
      <rPr>
        <sz val="11"/>
        <rFont val="Verdana"/>
        <family val="2"/>
      </rPr>
      <t>waste disposal</t>
    </r>
    <r>
      <rPr>
        <sz val="11"/>
        <color theme="1"/>
        <rFont val="Verdana"/>
        <family val="2"/>
      </rPr>
      <t xml:space="preserve">, and </t>
    </r>
    <r>
      <rPr>
        <sz val="11"/>
        <rFont val="Verdana"/>
        <family val="2"/>
      </rPr>
      <t>public health</t>
    </r>
    <r>
      <rPr>
        <sz val="11"/>
        <color theme="1"/>
        <rFont val="Verdana"/>
        <family val="2"/>
      </rPr>
      <t xml:space="preserve"> issues as well as a knowledge of </t>
    </r>
    <r>
      <rPr>
        <sz val="11"/>
        <rFont val="Verdana"/>
        <family val="2"/>
      </rPr>
      <t>environmental engineering law</t>
    </r>
    <r>
      <rPr>
        <sz val="11"/>
        <color theme="1"/>
        <rFont val="Verdana"/>
        <family val="2"/>
      </rPr>
      <t>. Design includes studies on the environmental impact of proposed construction projects.</t>
    </r>
  </si>
  <si>
    <r>
      <t xml:space="preserve">Professional Engineer - California </t>
    </r>
    <r>
      <rPr>
        <sz val="11"/>
        <color theme="1"/>
        <rFont val="Verdana"/>
        <family val="2"/>
      </rPr>
      <t>Board for Professional Engineers, Land Surveyors, &amp; Geologist</t>
    </r>
  </si>
  <si>
    <r>
      <t xml:space="preserve">Professional Engineer or Architect - California </t>
    </r>
    <r>
      <rPr>
        <sz val="11"/>
        <color theme="1"/>
        <rFont val="Verdana"/>
        <family val="2"/>
      </rPr>
      <t>Board for Professional Engineers, Land Surveyors, &amp; Geologist</t>
    </r>
  </si>
  <si>
    <r>
      <t xml:space="preserve">Professional Engineer - California </t>
    </r>
    <r>
      <rPr>
        <sz val="11"/>
        <color theme="1"/>
        <rFont val="Verdana"/>
        <family val="2"/>
      </rPr>
      <t>Board for Professional Engineers, Land Surveyors, &amp; Geologists</t>
    </r>
  </si>
  <si>
    <r>
      <t xml:space="preserve">Professional Engineer - CA </t>
    </r>
    <r>
      <rPr>
        <sz val="11"/>
        <color theme="1"/>
        <rFont val="Verdana"/>
        <family val="2"/>
      </rPr>
      <t>Board for Professional Engineers, Land Surveyors, &amp; Geologists</t>
    </r>
  </si>
  <si>
    <r>
      <t xml:space="preserve">Professional Engineer </t>
    </r>
    <r>
      <rPr>
        <b/>
        <sz val="11"/>
        <color rgb="FF000000"/>
        <rFont val="Verdana"/>
        <family val="2"/>
      </rPr>
      <t>OR</t>
    </r>
    <r>
      <rPr>
        <sz val="11"/>
        <color rgb="FF000000"/>
        <rFont val="Verdana"/>
        <family val="2"/>
      </rPr>
      <t xml:space="preserve"> Land Surveyor - CA </t>
    </r>
    <r>
      <rPr>
        <sz val="11"/>
        <color theme="1"/>
        <rFont val="Verdana"/>
        <family val="2"/>
      </rPr>
      <t>Board for Professional Engineers, Land Surveyors, &amp; Geologists</t>
    </r>
  </si>
  <si>
    <r>
      <t xml:space="preserve">Professional Engineer - 
CA </t>
    </r>
    <r>
      <rPr>
        <sz val="11"/>
        <color theme="1"/>
        <rFont val="Verdana"/>
        <family val="2"/>
      </rPr>
      <t>Board for Professional Engineers, Land Surveyors, &amp; Geologists</t>
    </r>
  </si>
  <si>
    <r>
      <t xml:space="preserve">Land Surveyor - California </t>
    </r>
    <r>
      <rPr>
        <sz val="11"/>
        <color theme="1"/>
        <rFont val="Verdana"/>
        <family val="2"/>
      </rPr>
      <t>Board for Professional Engineers, Land Surveyors, &amp; Geologists</t>
    </r>
  </si>
  <si>
    <r>
      <t xml:space="preserve">Professional Geophysicists - California </t>
    </r>
    <r>
      <rPr>
        <sz val="11"/>
        <color theme="1"/>
        <rFont val="Verdana"/>
        <family val="2"/>
      </rPr>
      <t>Board for Professional Engineers, Land Surveyors, &amp; Geologists</t>
    </r>
  </si>
  <si>
    <r>
      <t xml:space="preserve">Architect - California Architects Board </t>
    </r>
    <r>
      <rPr>
        <b/>
        <sz val="11"/>
        <color theme="1"/>
        <rFont val="Verdana"/>
        <family val="2"/>
      </rPr>
      <t>OR</t>
    </r>
    <r>
      <rPr>
        <sz val="11"/>
        <color theme="1"/>
        <rFont val="Verdana"/>
        <family val="2"/>
      </rPr>
      <t xml:space="preserve"> Professional Engineer - California Board for Professional Engineers, Land Surveyors, &amp; Geologists </t>
    </r>
    <r>
      <rPr>
        <b/>
        <sz val="11"/>
        <color theme="1"/>
        <rFont val="Verdana"/>
        <family val="2"/>
      </rPr>
      <t>OR</t>
    </r>
    <r>
      <rPr>
        <sz val="11"/>
        <color theme="1"/>
        <rFont val="Verdana"/>
        <family val="2"/>
      </rPr>
      <t xml:space="preserve"> General A Engineering Contractor - CSLB</t>
    </r>
  </si>
  <si>
    <r>
      <t>541310- Architectural Services 
541330 - Engineering Services</t>
    </r>
    <r>
      <rPr>
        <b/>
        <sz val="11"/>
        <color rgb="FF000000"/>
        <rFont val="Verdana"/>
        <family val="2"/>
      </rPr>
      <t xml:space="preserve"> 
</t>
    </r>
    <r>
      <rPr>
        <sz val="11"/>
        <color rgb="FF000000"/>
        <rFont val="Verdana"/>
        <family val="2"/>
      </rPr>
      <t>237210 - Land Subdivision</t>
    </r>
  </si>
  <si>
    <r>
      <t xml:space="preserve">Professional Geologist - CA </t>
    </r>
    <r>
      <rPr>
        <sz val="11"/>
        <color theme="1"/>
        <rFont val="Verdana"/>
        <family val="2"/>
      </rPr>
      <t>Board for Professional Engineers, Land Surveyors, &amp; Geologists</t>
    </r>
  </si>
  <si>
    <r>
      <t>Establishments primarily engaged in</t>
    </r>
    <r>
      <rPr>
        <sz val="11"/>
        <color rgb="FF000000"/>
        <rFont val="Verdana"/>
        <family val="2"/>
      </rPr>
      <t> </t>
    </r>
    <r>
      <rPr>
        <sz val="11"/>
        <color theme="1"/>
        <rFont val="Verdana"/>
        <family val="2"/>
      </rPr>
      <t>the operation of fish hatcheries and fish and game preserves</t>
    </r>
  </si>
  <si>
    <r>
      <t xml:space="preserve">Establishments primarily engaged in mining dense, shiny coal that has a high carbon content and little volatile matter and burns with a clean flame. Also called </t>
    </r>
    <r>
      <rPr>
        <i/>
        <sz val="11"/>
        <color rgb="FF000000"/>
        <rFont val="Verdana"/>
        <family val="2"/>
      </rPr>
      <t>hard coal</t>
    </r>
    <r>
      <rPr>
        <sz val="11"/>
        <color rgb="FF000000"/>
        <rFont val="Verdana"/>
        <family val="2"/>
      </rPr>
      <t>.</t>
    </r>
  </si>
  <si>
    <r>
      <t>Water</t>
    </r>
    <r>
      <rPr>
        <sz val="11"/>
        <color theme="1"/>
        <rFont val="Verdana"/>
        <family val="2"/>
      </rPr>
      <t xml:space="preserve"> and </t>
    </r>
    <r>
      <rPr>
        <sz val="11"/>
        <rFont val="Verdana"/>
        <family val="2"/>
      </rPr>
      <t>air pollution</t>
    </r>
    <r>
      <rPr>
        <sz val="11"/>
        <color theme="1"/>
        <rFont val="Verdana"/>
        <family val="2"/>
      </rPr>
      <t xml:space="preserve"> control, recycling, </t>
    </r>
    <r>
      <rPr>
        <sz val="11"/>
        <rFont val="Verdana"/>
        <family val="2"/>
      </rPr>
      <t>waste disposal</t>
    </r>
    <r>
      <rPr>
        <sz val="11"/>
        <color theme="1"/>
        <rFont val="Verdana"/>
        <family val="2"/>
      </rPr>
      <t xml:space="preserve">, and </t>
    </r>
    <r>
      <rPr>
        <sz val="11"/>
        <rFont val="Verdana"/>
        <family val="2"/>
      </rPr>
      <t>public health</t>
    </r>
    <r>
      <rPr>
        <sz val="11"/>
        <color theme="1"/>
        <rFont val="Verdana"/>
        <family val="2"/>
      </rPr>
      <t xml:space="preserve"> issues as well as a knowledge of </t>
    </r>
    <r>
      <rPr>
        <sz val="11"/>
        <rFont val="Verdana"/>
        <family val="2"/>
      </rPr>
      <t>environmental engineering law</t>
    </r>
    <r>
      <rPr>
        <sz val="11"/>
        <color theme="1"/>
        <rFont val="Verdana"/>
        <family val="2"/>
      </rPr>
      <t>. Design includes studies on the environmental impact of proposed construction projects.</t>
    </r>
  </si>
  <si>
    <r>
      <t>E</t>
    </r>
    <r>
      <rPr>
        <sz val="11"/>
        <color theme="1"/>
        <rFont val="Verdana"/>
        <family val="2"/>
      </rPr>
      <t>stablishments primarily engaged in the wholesale distribution of industrial machinery and equipment, such as, Broaches, Cement making machinery, Chainsaws, Citrus processing machinery, Compressors, except air-conditioning and refrigeration, Conveyor systems, Counterbores, Cranes, Crushing machinery and equipment, Drilling bits Elevators Fans, Hoists, Jigs, Ladders, Machine tools , etc</t>
    </r>
  </si>
  <si>
    <t xml:space="preserve">524210 - Insurance Agencies and Brokerages
524291 - Claims Adjusting
524298 - All Other Insurance Related Activities
524292 - Third Party Administration of Insurance and Pension Funds
</t>
  </si>
  <si>
    <t>531110 - Lessors of Residential Buildings and Dwellings
531120 - Lessors of Nonresidential Buildings (except Miniwarehouses)
531190 - Lessors of Other Real Estate Property</t>
  </si>
  <si>
    <t>523920 - Portfolio Management
525910 - Open- End Investment Fun
525990 - Other Financial Vehicles
551112 - Offices of  Other Holding Companies
813211 - Grantmaking Foundations</t>
  </si>
  <si>
    <t>721110 - Hotels and Motels
721120 - Casino Hotels
721191 - Bed- and- Breakfast Inns
721199 - All Other Traveler Accommodation</t>
  </si>
  <si>
    <t>522210 - Credit Card Issuing
522220 - Sales Financing
522291 - Consumer Lending</t>
  </si>
  <si>
    <t>522293 - International Trade Financing
522294 - Secondary Market Financing
522298 - All Other Nondepository Credit Intermediation</t>
  </si>
  <si>
    <t>522320 - Financial Transactions Processing, Reserve, and Clearinghouse Activities
522390 - Other Activities Related to Credit Intermediation
523130 - Commodity Contracts Dealing
523991 - Trust, Fiduciary, and Custody Activities</t>
  </si>
  <si>
    <t>C
CONSTRUCTION</t>
  </si>
  <si>
    <t>Surveyors License-Board for Professional Engineers, Land Surveyors and  Geologists or
A-General Engineering Contractors License-CSLB</t>
  </si>
  <si>
    <t>212393 – Other Chemical and Fertilizer Mineral Mining
213115 – Support Activities for Nonmetallic Minerals (except fuels)
238910 – Site Preparation Contractors
541360 – Geophysical Surveying and Mapping Services</t>
  </si>
  <si>
    <r>
      <t> </t>
    </r>
    <r>
      <rPr>
        <sz val="10"/>
        <color theme="1"/>
        <rFont val="Verdana"/>
        <family val="2"/>
      </rPr>
      <t>NO LICENSE REQUIRED</t>
    </r>
  </si>
  <si>
    <r>
      <t> </t>
    </r>
    <r>
      <rPr>
        <sz val="10"/>
        <color theme="1"/>
        <rFont val="Verdana"/>
        <family val="2"/>
      </rPr>
      <t xml:space="preserve">C-57 Water Well Drilling Contractor </t>
    </r>
    <r>
      <rPr>
        <b/>
        <sz val="10"/>
        <color theme="1"/>
        <rFont val="Verdana"/>
        <family val="2"/>
      </rPr>
      <t>OR</t>
    </r>
    <r>
      <rPr>
        <sz val="10"/>
        <color theme="1"/>
        <rFont val="Verdana"/>
        <family val="2"/>
      </rPr>
      <t xml:space="preserve">  A- General Engineering Contractor-CSLB</t>
    </r>
  </si>
  <si>
    <r>
      <t> </t>
    </r>
    <r>
      <rPr>
        <sz val="10"/>
        <color theme="1"/>
        <rFont val="Verdana"/>
        <family val="2"/>
      </rPr>
      <t>DCA- California Architects Board</t>
    </r>
  </si>
  <si>
    <r>
      <t xml:space="preserve"> Professional Engineers </t>
    </r>
    <r>
      <rPr>
        <b/>
        <sz val="10"/>
        <color theme="1"/>
        <rFont val="Verdana"/>
        <family val="2"/>
      </rPr>
      <t xml:space="preserve">or </t>
    </r>
    <r>
      <rPr>
        <sz val="10"/>
        <color theme="1"/>
        <rFont val="Verdana"/>
        <family val="2"/>
      </rPr>
      <t>Land Surveyor- BPELS</t>
    </r>
  </si>
  <si>
    <r>
      <t xml:space="preserve">Professional Engineer - California </t>
    </r>
    <r>
      <rPr>
        <sz val="10"/>
        <color theme="1"/>
        <rFont val="Verdana"/>
        <family val="2"/>
      </rPr>
      <t>Board for Professional Engineers, Land Surveyors, &amp; Geologists</t>
    </r>
  </si>
  <si>
    <r>
      <t xml:space="preserve">Land Surveyor - California </t>
    </r>
    <r>
      <rPr>
        <sz val="10"/>
        <color theme="1"/>
        <rFont val="Verdana"/>
        <family val="2"/>
      </rPr>
      <t>Board for Professional Engineers, Land Surveyors, &amp; Geologists</t>
    </r>
  </si>
  <si>
    <r>
      <t xml:space="preserve">Architect </t>
    </r>
    <r>
      <rPr>
        <b/>
        <sz val="10"/>
        <color rgb="FF000000"/>
        <rFont val="Verdana"/>
        <family val="2"/>
      </rPr>
      <t xml:space="preserve">OR </t>
    </r>
    <r>
      <rPr>
        <sz val="10"/>
        <color rgb="FF000000"/>
        <rFont val="Verdana"/>
        <family val="2"/>
      </rPr>
      <t xml:space="preserve">Engineer DCA- Professional Engineers and Land Surveyors (BPELS&amp;G) </t>
    </r>
    <r>
      <rPr>
        <b/>
        <sz val="10"/>
        <color rgb="FF000000"/>
        <rFont val="Verdana"/>
        <family val="2"/>
      </rPr>
      <t xml:space="preserve">OR </t>
    </r>
    <r>
      <rPr>
        <sz val="10"/>
        <color rgb="FF000000"/>
        <rFont val="Verdana"/>
        <family val="2"/>
      </rPr>
      <t>A-General Engineering Contractor (CSLB)</t>
    </r>
  </si>
  <si>
    <r>
      <t xml:space="preserve">Architect </t>
    </r>
    <r>
      <rPr>
        <b/>
        <sz val="10"/>
        <color rgb="FF000000"/>
        <rFont val="Verdana"/>
        <family val="2"/>
      </rPr>
      <t xml:space="preserve">OR </t>
    </r>
    <r>
      <rPr>
        <sz val="10"/>
        <color rgb="FF000000"/>
        <rFont val="Verdana"/>
        <family val="2"/>
      </rPr>
      <t xml:space="preserve">Engineer DCA- Professional Engineers and Land Surveyors (BPELS) </t>
    </r>
    <r>
      <rPr>
        <b/>
        <sz val="10"/>
        <color rgb="FF000000"/>
        <rFont val="Verdana"/>
        <family val="2"/>
      </rPr>
      <t xml:space="preserve">OR </t>
    </r>
    <r>
      <rPr>
        <sz val="10"/>
        <color rgb="FF000000"/>
        <rFont val="Verdana"/>
        <family val="2"/>
      </rPr>
      <t>A-General Engineering Contractor (CSLB)</t>
    </r>
  </si>
  <si>
    <r>
      <t xml:space="preserve">Professional Engineer - CA </t>
    </r>
    <r>
      <rPr>
        <sz val="10"/>
        <color theme="1"/>
        <rFont val="Verdana"/>
        <family val="2"/>
      </rPr>
      <t>Board for Professional Engineers, Land Surveyors, &amp; Geologists</t>
    </r>
  </si>
  <si>
    <r>
      <t xml:space="preserve">Professional Geologist - CA </t>
    </r>
    <r>
      <rPr>
        <sz val="10"/>
        <color theme="1"/>
        <rFont val="Verdana"/>
        <family val="2"/>
      </rPr>
      <t>Board for Professional Engineers, Land Surveyors, &amp; Geologists</t>
    </r>
  </si>
  <si>
    <r>
      <t> </t>
    </r>
    <r>
      <rPr>
        <sz val="10"/>
        <color theme="1"/>
        <rFont val="Verdana"/>
        <family val="2"/>
      </rPr>
      <t>B-General Building Contractor-CSLB</t>
    </r>
  </si>
  <si>
    <t>D
MANUFACTURING</t>
  </si>
  <si>
    <t>561440 - Collection Agencies
561450 - Credit Bureaus</t>
  </si>
  <si>
    <t>511140 - Directory and Mailing List Publishers
541860 - Direct Mail Advertising</t>
  </si>
  <si>
    <t>611511 - Cosmetology and Barber Schools
812112 - Beauty Salons
812113 - Nail Salons</t>
  </si>
  <si>
    <t>561740 - Carpet and Upholstery Cleaning Services
811490 - Other Personal and Household Goods Repair and Maintenance
812310 - Coin- Operated Laundries and Drycleaners
812320 - Drycleaning and Laundry Services (except Coin- Operated)
812331 - Linen Supply
812332 - Industrial Launderers</t>
  </si>
  <si>
    <t>561611- Investigation, Guard and Armored Car Services
561613 - Armored Car Services</t>
  </si>
  <si>
    <t xml:space="preserve">423990 - Other Miscellaneous Durable Goods Merchant Wholesalers
424330 - Women's, Children's, and Infants' Clothing &amp; Accessories Merchant Wholesalers </t>
  </si>
  <si>
    <t>423990 - Other Miscellaneous Durable Goods Merchant Wholesalers
424330 - Women's, Children's, and Infants' Clothing &amp; Accessories Merchant Wholesalers</t>
  </si>
  <si>
    <t>424720 - Petroleum and Petroleum Products Merchant Wholesalers (except Bulk Stations and Terminals)</t>
  </si>
  <si>
    <t>424720 - Petroleum and Petroleum Products Merchant Wholesalers (except Bulk Stations and Terminals)</t>
  </si>
  <si>
    <t>423450 - Medical, dental, and hospital equipment and supplies merchant wholesalers
423460 - Ophthalmic Goods Merchant Wholesalers</t>
  </si>
  <si>
    <t>441110 - New Car Dealers
441120 - Used Car Dealers</t>
  </si>
  <si>
    <t>562211 - Hazardous Waste Treatment and Disposal
562212 - Solid Waste Landfill
562213 - Solid Waste Combustors and Incinerators
562219 - Other Nonhazardous Waste Treatment and Disposal
562920 - Materials Recovery Facilities
562998 - All Other Miscellaneous Waste Management Services</t>
  </si>
  <si>
    <t>221210 - Natural Gas Distribution
221111 - Hydroelectric Power Generation
221112 - Fossil Fuel Electric Power Generation
221113 - Nuclear Electric Power Generation
221119 - Other Electric Power Generation
221121 - Electric Bulk Power Transmission and Control
221122 - Electric Power Distribution</t>
  </si>
  <si>
    <t xml:space="preserve">This industry also includes establishments of general management consultants that provide a full range of administrative; human resource; marketing; process, physical distribution, and logistics; or other management consulting services to clients. </t>
  </si>
  <si>
    <t>F5990</t>
  </si>
  <si>
    <t>Establishments engaged in the retail sale of prescription drugs, proprietary drugs, and nonprescription medicines, and which may also carry a number of related lines, such as cosmetics, toiletries, tobacco, and novelty merchandise.
These stores are included on the basis of their usual trade designation rather than on the stricter interpretation of commodities handled.  This industry includes drug stores which also operate a soda fountain or lunch counter.</t>
  </si>
  <si>
    <t>925110 - Administration of Housing Programs
925120 - Administration of Urban Planning and Community and Rural Development</t>
  </si>
  <si>
    <t>922120 - Police Protection
922130 - Legal Counsel and Prosecution
922140 - Correctional Institutions
922160 - Fire Protection
922190 - All Other Justice, Public Order, and Safety Activities</t>
  </si>
  <si>
    <t>813910 - Business Associations
813930 - Labor Unions and Similar Labor Organizations</t>
  </si>
  <si>
    <t>813910 - Business Associations
813920 - Professional Organizations</t>
  </si>
  <si>
    <t>712130 - Zoos and Botanical Gardens
712190 - Nature Parks and Other Similar Institutions</t>
  </si>
  <si>
    <t>624110 - Individual and Family Services/Child and Youth Services
624120 - Services for the Elderly and Persons with Disabilities
624190 - Other Individual and Family Services
624229 - Other Community Housing Services
624221 - Temporary Shelters
624210 - Community Food Services
624230 - Emergency and Other Relief Services</t>
  </si>
  <si>
    <t>611691 - Exam Preparation and Tutoring
611692 - Automobile Driving Schools
611699 - All Other Miscellaneous Schools and Instruction
611710 - Educational Support Services</t>
  </si>
  <si>
    <t>611410 - Business and Secretarial Schools
611420 - Computer Training
611430 - Professional and Management Development Training
611512 - Flight Training
611513 - Apprenticeship Training
611519 - Other Technical and Trade Schools
611610 - Fine Arts Schools
611620 - Sports and Recreation Instruction
611630 - Language Schools</t>
  </si>
  <si>
    <t>611210 - Junior Colleges
611310 - Colleges, Universities, and Professional Schools</t>
  </si>
  <si>
    <t>339116 - Dental Laboratories
621511- Medical Laboratories
621512 - Diagnostic Imaging Centers</t>
  </si>
  <si>
    <t>621399 - Offices of All Other Miscellaneous Health Practitioners
621410 - Family Planning Centers
621420 - Outpatient Mental Health and Substance Abuse Centers
621492 - Kidney Dialysis Centers
621498 - All Other Outpatient Care Centers</t>
  </si>
  <si>
    <t>622110 - General Medical and Surgical Hospitals
622210 - Psychiatric and Substance Abuse Hospitals
622310 - Specialty (except Psychiatric and Substance Abuse) Hospitals</t>
  </si>
  <si>
    <t>621112 - Offices of Physicians, Mental Health Specialists
621310 - Offices of Chiropractors
621320 - Offices of Optometrists
621330 - Offices of Mental Health Practitioners (except Physicians)
621340 - Offices of Physical, Occupational Speech Therapists, and Audiologists
621391 - Offices of Podiatrists
621399 - Offices of All Other Miscellaneous Health Practitioners</t>
  </si>
  <si>
    <t>711212 - Racetracks
711219 - Other Spectator Sports
713110 - Amusement and Theme Parks
713120 - Amusement Arcades
713290 - Other Gambling Industries
713910 - Golf Courses and Country Clubs
713940 - Fitness and Recreational Sports Centers
713990 - All Other Amusement and Recreation Industries</t>
  </si>
  <si>
    <t>C0600</t>
  </si>
  <si>
    <t>MISC SUPPLIERS</t>
  </si>
  <si>
    <t>Business establishments primarily engaged in wholesale of merchandise, including construction and electrical without owning a wherehouse.</t>
  </si>
  <si>
    <t>This industry comprises establishments primarily engaged in the sale &amp; distribution of materials and/or products not elsewhere listed</t>
  </si>
  <si>
    <t>423990 - General Merchandise, durable goods, merchant wholesaler
424990 - General Merchandise, nondurable goods, merchant wholesaler
454390 - Direct Selling of Merchandise
511199 - Catalog (i.e., mail order, merchandise) publishers and printing (Internet)
541320 - Model Supply Services
541890 - Other Services Related to Advertising; specialty (e.g. keychain, magnet, pen) distribution services</t>
  </si>
  <si>
    <t>C-8 Concrete Contractor- CSLB OR
D-6 Concrete Related Services</t>
  </si>
  <si>
    <t>511130 - Book Publishers</t>
  </si>
  <si>
    <t>322110 - Pulp Mills
322121 - Paper (except Newsprint) Mills
322122 - Newsprint Mills
322130 - Paperboard Mills</t>
  </si>
  <si>
    <t>322121 - Paper (except Newsprint) Mills
322122 - Newsprint Mills</t>
  </si>
  <si>
    <t>337110 - Wood Kitchen Cabinet and Countertop Manufacturing
337127 - Institutional Furniture Manufacturing
337212 - Custom Architectural Woodwork and Millwork Manufacturing
337215 - Showcase, Partition, Shelving, and Locker Manufacturing
337920 - Blind and Shade Manufacturing</t>
  </si>
  <si>
    <t>238110 - Poured Concrete Foundation and Structure Contractors
238910 - Site Preparation Contractors</t>
  </si>
  <si>
    <t>221310 - Water, Sewage and Other Systems
237110 - Water and Sewer Line and Related Structures Construction</t>
  </si>
  <si>
    <t>484230 - Specialized Freight (except Used Goods) Trucking, Long- Distance
562112- Hazardous Waste Collection</t>
  </si>
  <si>
    <t>238130 – Framing Carpentry Contractors
238350 - Finish Carpentry Contractors</t>
  </si>
  <si>
    <t>236210 - Industrial Building Construction
238350 - Finish Carpentry Contractors                   
238390 - Other Building Finsihing Contractors</t>
  </si>
  <si>
    <t>238140 - Masonry Contractors
238170 - Siding Contractors</t>
  </si>
  <si>
    <t>Swimming pool contractor constructs swimming pools, spas and/or hot tubs, including installation of solar heating equipment.</t>
  </si>
  <si>
    <t>Overall planning, co-ordination and control of a project from inception to completion aimed at meeting a client’s requirements.  (Non-engineering, non-architectural &amp; non-land surveyor)</t>
  </si>
  <si>
    <t xml:space="preserve">Establishments primarily engaged in general automotive repair.  </t>
  </si>
  <si>
    <t>Establishments primarily engaged in renting or leasing (except finance leasing) equipment, not elsewhere classified.  These businesses generally do not own equipment of their own, but are engaged in sourcing equipment and re-renting for a fee.</t>
  </si>
  <si>
    <t>C-61/D-42 Non-Electrical Sign Installation OR A-General Engineering Contractor - CSLB</t>
  </si>
  <si>
    <t>C-31 Construction Zone Traffic Control Contractor - CSLB OR A-General  Engineering Contractor - CSLB</t>
  </si>
  <si>
    <t>C-31 Construction Zone Traffic Control Contractor - CSLB OR A-General Engineering Contractor - CSLB</t>
  </si>
  <si>
    <t>C1211</t>
  </si>
  <si>
    <t>TRAFFIC FLAGGER</t>
  </si>
  <si>
    <t>This involves individual who directs traffic through a construction site or other temporary traffic control zone past an area using hand gestures or paddle sign.</t>
  </si>
  <si>
    <t>488490-Support Activities for Road Transportation                                    561990 - All Other Support Services</t>
  </si>
  <si>
    <t>C1212</t>
  </si>
  <si>
    <t>PILOT CAR SERVICES</t>
  </si>
  <si>
    <t>Pilot car services are always associated with heavy haul trucking utilizing flatbed trailers for oversize or overweight loads.  Most likely, pilot cars are pickup trucks, SUVs or cars driving in front of or behind a tractor-trailer hauling a wide load or overweight load.</t>
  </si>
  <si>
    <t xml:space="preserve">488490-Support Activities for Road Transportation   </t>
  </si>
  <si>
    <t>C1532</t>
  </si>
  <si>
    <t>REMOVE CONCRETE</t>
  </si>
  <si>
    <t>Where concrete is described to be removed, remove the concrete to a depth of at least 3 feet below finished grade.  Where new concrete is to join existing concrete, remove enough concrete to allow splicing of new reinforcement.</t>
  </si>
  <si>
    <t>561990 - All Other Support Services                                                                                                                                                          238990 - All Other Specialty Trade Contractors</t>
  </si>
  <si>
    <r>
      <t xml:space="preserve">A-General Engineering </t>
    </r>
    <r>
      <rPr>
        <b/>
        <sz val="10"/>
        <color theme="1"/>
        <rFont val="Verdana"/>
        <family val="2"/>
      </rPr>
      <t>OR</t>
    </r>
    <r>
      <rPr>
        <sz val="10"/>
        <color theme="1"/>
        <rFont val="Verdana"/>
        <family val="2"/>
      </rPr>
      <t xml:space="preserve"> 
C-21 - Building Moving/Demolition Contractor - CSLB</t>
    </r>
  </si>
  <si>
    <r>
      <t xml:space="preserve">A-General Engineering </t>
    </r>
    <r>
      <rPr>
        <b/>
        <sz val="10"/>
        <color theme="1"/>
        <rFont val="Verdana"/>
        <family val="2"/>
      </rPr>
      <t>OR</t>
    </r>
    <r>
      <rPr>
        <sz val="10"/>
        <color theme="1"/>
        <rFont val="Verdana"/>
        <family val="2"/>
      </rPr>
      <t xml:space="preserve"> C-21 - Building Moving.Demolition Contractor - CSLB</t>
    </r>
  </si>
  <si>
    <r>
      <t> </t>
    </r>
    <r>
      <rPr>
        <sz val="10"/>
        <color theme="1"/>
        <rFont val="Verdana"/>
        <family val="2"/>
      </rPr>
      <t xml:space="preserve">C-12 Earthwork &amp; Paving Contractor </t>
    </r>
    <r>
      <rPr>
        <b/>
        <sz val="10"/>
        <color theme="1"/>
        <rFont val="Verdana"/>
        <family val="2"/>
      </rPr>
      <t>OR</t>
    </r>
    <r>
      <rPr>
        <sz val="10"/>
        <color theme="1"/>
        <rFont val="Verdana"/>
        <family val="2"/>
      </rPr>
      <t xml:space="preserve"> A-General Engineering Contractor-CSLB</t>
    </r>
  </si>
  <si>
    <r>
      <t xml:space="preserve">C-12 Earthwork &amp; Paving Contractor </t>
    </r>
    <r>
      <rPr>
        <b/>
        <sz val="10"/>
        <color theme="1"/>
        <rFont val="Verdana"/>
        <family val="2"/>
      </rPr>
      <t>OR</t>
    </r>
    <r>
      <rPr>
        <sz val="10"/>
        <color theme="1"/>
        <rFont val="Verdana"/>
        <family val="2"/>
      </rPr>
      <t xml:space="preserve"> A-General Engineering Contractor - CSLB</t>
    </r>
  </si>
  <si>
    <r>
      <t xml:space="preserve">C-12 Earthwork &amp; Paving Contractor </t>
    </r>
    <r>
      <rPr>
        <b/>
        <sz val="10"/>
        <color theme="1"/>
        <rFont val="Verdana"/>
        <family val="2"/>
      </rPr>
      <t>OR</t>
    </r>
    <r>
      <rPr>
        <sz val="10"/>
        <color theme="1"/>
        <rFont val="Verdana"/>
        <family val="2"/>
      </rPr>
      <t xml:space="preserve">                                                                         A-General Engineering Contractor - CSLB</t>
    </r>
  </si>
  <si>
    <r>
      <t xml:space="preserve">A-General Engineering Contractor </t>
    </r>
    <r>
      <rPr>
        <b/>
        <sz val="10"/>
        <color theme="1"/>
        <rFont val="Verdana"/>
        <family val="2"/>
      </rPr>
      <t xml:space="preserve">OR           </t>
    </r>
    <r>
      <rPr>
        <sz val="10"/>
        <color theme="1"/>
        <rFont val="Verdana"/>
        <family val="2"/>
      </rPr>
      <t>C-12 Earthwork &amp; Paving Contractor - CSLB</t>
    </r>
  </si>
  <si>
    <r>
      <t xml:space="preserve">A-General Engineering Contractor </t>
    </r>
    <r>
      <rPr>
        <b/>
        <sz val="10"/>
        <color theme="1"/>
        <rFont val="Verdana"/>
        <family val="2"/>
      </rPr>
      <t>OR</t>
    </r>
    <r>
      <rPr>
        <sz val="10"/>
        <color theme="1"/>
        <rFont val="Verdana"/>
        <family val="2"/>
      </rPr>
      <t xml:space="preserve">                           C-12 Earthwork &amp; Paving Contractor- CSLB</t>
    </r>
  </si>
  <si>
    <r>
      <t xml:space="preserve">A-General Engineering Contractor </t>
    </r>
    <r>
      <rPr>
        <b/>
        <sz val="10"/>
        <color theme="1"/>
        <rFont val="Verdana"/>
        <family val="2"/>
      </rPr>
      <t xml:space="preserve">OR    </t>
    </r>
    <r>
      <rPr>
        <sz val="10"/>
        <color theme="1"/>
        <rFont val="Verdana"/>
        <family val="2"/>
      </rPr>
      <t>C-12 Earthwork &amp; Paving Contractor- CSLB</t>
    </r>
  </si>
  <si>
    <r>
      <t xml:space="preserve">C-12 Earthwork &amp; Paving Contractor </t>
    </r>
    <r>
      <rPr>
        <b/>
        <sz val="10"/>
        <color theme="1"/>
        <rFont val="Verdana"/>
        <family val="2"/>
      </rPr>
      <t>OR</t>
    </r>
    <r>
      <rPr>
        <sz val="10"/>
        <color theme="1"/>
        <rFont val="Verdana"/>
        <family val="2"/>
      </rPr>
      <t xml:space="preserve">                               A-General Engineering Contractor - CSLB</t>
    </r>
  </si>
  <si>
    <r>
      <t xml:space="preserve">C-12 Earthwork &amp; Paving Contractor </t>
    </r>
    <r>
      <rPr>
        <b/>
        <sz val="10"/>
        <color theme="1"/>
        <rFont val="Verdana"/>
        <family val="2"/>
      </rPr>
      <t>OR</t>
    </r>
    <r>
      <rPr>
        <sz val="10"/>
        <color theme="1"/>
        <rFont val="Verdana"/>
        <family val="2"/>
      </rPr>
      <t xml:space="preserve">                                                      A-General Engineering Contractor - CSLB</t>
    </r>
  </si>
  <si>
    <r>
      <t xml:space="preserve">C-27 Landscaping Contractor </t>
    </r>
    <r>
      <rPr>
        <b/>
        <sz val="10"/>
        <color theme="1"/>
        <rFont val="Verdana"/>
        <family val="2"/>
      </rPr>
      <t>OR</t>
    </r>
    <r>
      <rPr>
        <sz val="10"/>
        <color theme="1"/>
        <rFont val="Verdana"/>
        <family val="2"/>
      </rPr>
      <t xml:space="preserve">              A-General Engineering Contractor- CSLB</t>
    </r>
  </si>
  <si>
    <r>
      <t xml:space="preserve">C-27 Landscaping Contractor </t>
    </r>
    <r>
      <rPr>
        <b/>
        <sz val="11"/>
        <color theme="1"/>
        <rFont val="Verdana"/>
        <family val="2"/>
      </rPr>
      <t xml:space="preserve">OR                                        </t>
    </r>
    <r>
      <rPr>
        <sz val="11"/>
        <color theme="1"/>
        <rFont val="Verdana"/>
        <family val="2"/>
      </rPr>
      <t xml:space="preserve"> A-General Engineering Contractor - CSLB</t>
    </r>
  </si>
  <si>
    <r>
      <t xml:space="preserve">C-12 Earthwork &amp; Paving Contractor </t>
    </r>
    <r>
      <rPr>
        <b/>
        <sz val="11"/>
        <color theme="1"/>
        <rFont val="Verdana"/>
        <family val="2"/>
      </rPr>
      <t>OR</t>
    </r>
    <r>
      <rPr>
        <sz val="11"/>
        <color theme="1"/>
        <rFont val="Verdana"/>
        <family val="2"/>
      </rPr>
      <t xml:space="preserve"> 
A-General Engineer Contractor - CSLB</t>
    </r>
  </si>
  <si>
    <t>C2001</t>
  </si>
  <si>
    <t>ROCK BLANKET</t>
  </si>
  <si>
    <t>Placing rock blanket including rock of various sizes.  Rock must be placed while concrete is still plastic. Remove concrete adhering to the exposed surfaces of the rock.  Not including subbase or reinforcement.</t>
  </si>
  <si>
    <r>
      <t xml:space="preserve">A-General Engineering Contractor </t>
    </r>
    <r>
      <rPr>
        <b/>
        <sz val="10"/>
        <color theme="1"/>
        <rFont val="Verdana"/>
        <family val="2"/>
      </rPr>
      <t>OR</t>
    </r>
    <r>
      <rPr>
        <sz val="10"/>
        <color theme="1"/>
        <rFont val="Verdana"/>
        <family val="2"/>
      </rPr>
      <t xml:space="preserve"> C-8 Concrete Contractor - CSLB</t>
    </r>
  </si>
  <si>
    <r>
      <t xml:space="preserve">C-27 Landscaping Contractor </t>
    </r>
    <r>
      <rPr>
        <b/>
        <sz val="11"/>
        <color theme="1"/>
        <rFont val="Verdana"/>
        <family val="2"/>
      </rPr>
      <t>OR</t>
    </r>
    <r>
      <rPr>
        <sz val="11"/>
        <color theme="1"/>
        <rFont val="Verdana"/>
        <family val="2"/>
      </rPr>
      <t xml:space="preserve">                               A-General Engineering Contractor - CSLB</t>
    </r>
  </si>
  <si>
    <r>
      <t xml:space="preserve">C-27 Landscaping Contractor </t>
    </r>
    <r>
      <rPr>
        <b/>
        <sz val="10"/>
        <color theme="1"/>
        <rFont val="Verdana"/>
        <family val="2"/>
      </rPr>
      <t>OR</t>
    </r>
    <r>
      <rPr>
        <sz val="10"/>
        <color theme="1"/>
        <rFont val="Verdana"/>
        <family val="2"/>
      </rPr>
      <t xml:space="preserve">                                  A-General Engineering Contractor- CSLB</t>
    </r>
  </si>
  <si>
    <r>
      <t xml:space="preserve">C-27 Landscaping </t>
    </r>
    <r>
      <rPr>
        <b/>
        <sz val="10"/>
        <color theme="1"/>
        <rFont val="Verdana"/>
        <family val="2"/>
      </rPr>
      <t xml:space="preserve">OR                    </t>
    </r>
    <r>
      <rPr>
        <sz val="10"/>
        <color theme="1"/>
        <rFont val="Verdana"/>
        <family val="2"/>
      </rPr>
      <t xml:space="preserve">          A-General Engineering Contractor </t>
    </r>
    <r>
      <rPr>
        <b/>
        <sz val="10"/>
        <color theme="1"/>
        <rFont val="Verdana"/>
        <family val="2"/>
      </rPr>
      <t>OR</t>
    </r>
    <r>
      <rPr>
        <sz val="10"/>
        <color theme="1"/>
        <rFont val="Verdana"/>
        <family val="2"/>
      </rPr>
      <t xml:space="preserve">                  C-61 / D59 -Hydro-seed Spraying Contractor </t>
    </r>
    <r>
      <rPr>
        <b/>
        <sz val="10"/>
        <color theme="1"/>
        <rFont val="Verdana"/>
        <family val="2"/>
      </rPr>
      <t>OR</t>
    </r>
    <r>
      <rPr>
        <sz val="10"/>
        <color theme="1"/>
        <rFont val="Verdana"/>
        <family val="2"/>
      </rPr>
      <t xml:space="preserve">                                    C61 / D64 - SWPPP Contractor - CSLB</t>
    </r>
  </si>
  <si>
    <r>
      <t xml:space="preserve">C-27 Landscaping Contractor </t>
    </r>
    <r>
      <rPr>
        <b/>
        <sz val="10"/>
        <color theme="1"/>
        <rFont val="Verdana"/>
        <family val="2"/>
      </rPr>
      <t>OR</t>
    </r>
    <r>
      <rPr>
        <sz val="10"/>
        <color theme="1"/>
        <rFont val="Verdana"/>
        <family val="2"/>
      </rPr>
      <t xml:space="preserve">                                                                           A-General Engineering Contractor- CSLB</t>
    </r>
  </si>
  <si>
    <r>
      <t xml:space="preserve">C-27 Landscaping Contractor </t>
    </r>
    <r>
      <rPr>
        <b/>
        <sz val="11"/>
        <color theme="1"/>
        <rFont val="Verdana"/>
        <family val="2"/>
      </rPr>
      <t>OR</t>
    </r>
    <r>
      <rPr>
        <sz val="11"/>
        <color theme="1"/>
        <rFont val="Verdana"/>
        <family val="2"/>
      </rPr>
      <t xml:space="preserve">                                                              A-General EngineerContractor - CSLB</t>
    </r>
  </si>
  <si>
    <t>C2067</t>
  </si>
  <si>
    <t>LANDSCAPE CARE AND MAINTENANCE SERVICES</t>
  </si>
  <si>
    <t>This industry comprises the art and vocation of keeping a landscape healthy, clean, safe and attractive, typically in a garden, yard, park, Institutional setting or estate.  Using tools supplies, knowledge, physical exertion and skills, a groundskeeper may plan or carry out annual plants and harvestings, periodic weeding and fertilizing, other gardening, lawn car, snow</t>
  </si>
  <si>
    <t>NO LICENSE REQUIRED, however, prior to contracting firms with this code, verify if the CA Contractors Licenses Board requires the firm to have a license when work is more than $500.</t>
  </si>
  <si>
    <r>
      <t xml:space="preserve">C-12 Earthwork &amp; Paving Contractor </t>
    </r>
    <r>
      <rPr>
        <b/>
        <sz val="10"/>
        <color theme="1"/>
        <rFont val="Verdana"/>
        <family val="2"/>
      </rPr>
      <t xml:space="preserve">OR       </t>
    </r>
    <r>
      <rPr>
        <sz val="10"/>
        <color theme="1"/>
        <rFont val="Verdana"/>
        <family val="2"/>
      </rPr>
      <t xml:space="preserve">            A-General Engineering Contractor - CSLB</t>
    </r>
  </si>
  <si>
    <r>
      <t xml:space="preserve">C-12 Earthwork &amp; Paving Contractor </t>
    </r>
    <r>
      <rPr>
        <b/>
        <sz val="10"/>
        <color theme="1"/>
        <rFont val="Verdana"/>
        <family val="2"/>
      </rPr>
      <t xml:space="preserve">OR       </t>
    </r>
    <r>
      <rPr>
        <sz val="10"/>
        <color theme="1"/>
        <rFont val="Verdana"/>
        <family val="2"/>
      </rPr>
      <t xml:space="preserve">                                                       A-General Engineering Contractor - CSLB</t>
    </r>
  </si>
  <si>
    <r>
      <t xml:space="preserve">C-36 Plumbing Contractor </t>
    </r>
    <r>
      <rPr>
        <b/>
        <sz val="10"/>
        <color theme="1"/>
        <rFont val="Verdana"/>
        <family val="2"/>
      </rPr>
      <t>OR</t>
    </r>
    <r>
      <rPr>
        <sz val="10"/>
        <color theme="1"/>
        <rFont val="Verdana"/>
        <family val="2"/>
      </rPr>
      <t xml:space="preserve">                 A-General Engineering Contractor - CSLB</t>
    </r>
  </si>
  <si>
    <r>
      <t xml:space="preserve">C-36 Plumbing Contractor </t>
    </r>
    <r>
      <rPr>
        <b/>
        <sz val="11"/>
        <color theme="1"/>
        <rFont val="Verdana"/>
        <family val="2"/>
      </rPr>
      <t>OR</t>
    </r>
    <r>
      <rPr>
        <sz val="11"/>
        <color theme="1"/>
        <rFont val="Verdana"/>
        <family val="2"/>
      </rPr>
      <t xml:space="preserve">        A-General Engineering Contractor - CSLB</t>
    </r>
  </si>
  <si>
    <r>
      <t xml:space="preserve">C-12 Earthwork &amp; Paving Contractor </t>
    </r>
    <r>
      <rPr>
        <b/>
        <sz val="10"/>
        <color theme="1"/>
        <rFont val="Verdana"/>
        <family val="2"/>
      </rPr>
      <t>OR</t>
    </r>
    <r>
      <rPr>
        <sz val="10"/>
        <color theme="1"/>
        <rFont val="Verdana"/>
        <family val="2"/>
      </rPr>
      <t xml:space="preserve">             A-General Engineering Contractor - CSLB</t>
    </r>
  </si>
  <si>
    <r>
      <t xml:space="preserve">C-12 Earthwork &amp; Paving Contractor </t>
    </r>
    <r>
      <rPr>
        <b/>
        <sz val="10"/>
        <color theme="1"/>
        <rFont val="Verdana"/>
        <family val="2"/>
      </rPr>
      <t>OR</t>
    </r>
    <r>
      <rPr>
        <sz val="10"/>
        <color theme="1"/>
        <rFont val="Verdana"/>
        <family val="2"/>
      </rPr>
      <t xml:space="preserve"> A- General Engineering Contractor-CSLB</t>
    </r>
  </si>
  <si>
    <t>AGGREGATE SUBBASE (AS)</t>
  </si>
  <si>
    <t>AGGREGATE  BASE (AB)</t>
  </si>
  <si>
    <t>AGGREGATE SUB BASE (AS)</t>
  </si>
  <si>
    <r>
      <t xml:space="preserve">C-8 Concrete </t>
    </r>
    <r>
      <rPr>
        <b/>
        <sz val="10"/>
        <color theme="1"/>
        <rFont val="Verdana"/>
        <family val="2"/>
      </rPr>
      <t>OR</t>
    </r>
    <r>
      <rPr>
        <sz val="10"/>
        <color theme="1"/>
        <rFont val="Verdana"/>
        <family val="2"/>
      </rPr>
      <t xml:space="preserve">                                  A- General Engineering Contractor-CSLB</t>
    </r>
  </si>
  <si>
    <r>
      <t xml:space="preserve">C-8 Concrete </t>
    </r>
    <r>
      <rPr>
        <b/>
        <sz val="11"/>
        <color theme="1"/>
        <rFont val="Verdana"/>
        <family val="2"/>
      </rPr>
      <t>OR</t>
    </r>
    <r>
      <rPr>
        <sz val="11"/>
        <color theme="1"/>
        <rFont val="Verdana"/>
        <family val="2"/>
      </rPr>
      <t xml:space="preserve">                                     A- General Engineering Contractor - CSLB</t>
    </r>
  </si>
  <si>
    <r>
      <t xml:space="preserve">A- General Engineering Contractor </t>
    </r>
    <r>
      <rPr>
        <b/>
        <sz val="11"/>
        <color theme="1"/>
        <rFont val="Verdana"/>
        <family val="2"/>
      </rPr>
      <t>OR</t>
    </r>
    <r>
      <rPr>
        <sz val="11"/>
        <color theme="1"/>
        <rFont val="Verdana"/>
        <family val="2"/>
      </rPr>
      <t xml:space="preserve"> C-12 Earthwork &amp; Paving </t>
    </r>
    <r>
      <rPr>
        <b/>
        <sz val="11"/>
        <color theme="1"/>
        <rFont val="Verdana"/>
        <family val="2"/>
      </rPr>
      <t xml:space="preserve">OR
</t>
    </r>
    <r>
      <rPr>
        <sz val="11"/>
        <color theme="1"/>
        <rFont val="Verdana"/>
        <family val="2"/>
      </rPr>
      <t>C-32 Parking &amp; Highway Improvement Contractor - CSLB</t>
    </r>
  </si>
  <si>
    <t>C3000</t>
  </si>
  <si>
    <t>CONCRETE PUMPING</t>
  </si>
  <si>
    <t>C-61 / D6 - Concrete Related Services - CSLB</t>
  </si>
  <si>
    <t>A concrete related services contractor operates a concrete pumping service.</t>
  </si>
  <si>
    <r>
      <t xml:space="preserve">A- General Engineering Contractor, C-12 Earthwork &amp; Paving Contractor </t>
    </r>
    <r>
      <rPr>
        <b/>
        <sz val="10"/>
        <color theme="1"/>
        <rFont val="Verdana"/>
        <family val="2"/>
      </rPr>
      <t>OR</t>
    </r>
    <r>
      <rPr>
        <sz val="10"/>
        <color theme="1"/>
        <rFont val="Verdana"/>
        <family val="2"/>
      </rPr>
      <t xml:space="preserve"> C-32 Parking &amp; Highway Improvement - CSLB</t>
    </r>
  </si>
  <si>
    <t>238390 - Other Building Finishing Contractos                           238990 - All Other Specialty Trade Contractors</t>
  </si>
  <si>
    <t>AERIAL/PHOTOGRAMMETRIC MAPPING SERVICES   See Professional Services</t>
  </si>
  <si>
    <r>
      <t xml:space="preserve">C3862         </t>
    </r>
    <r>
      <rPr>
        <sz val="9"/>
        <color rgb="FF000000"/>
        <rFont val="Verdana"/>
        <family val="2"/>
      </rPr>
      <t>same as C8762</t>
    </r>
  </si>
  <si>
    <r>
      <t xml:space="preserve">C-12 Earthwork &amp; Paving Contractor </t>
    </r>
    <r>
      <rPr>
        <b/>
        <sz val="10"/>
        <color theme="1"/>
        <rFont val="Verdana"/>
        <family val="2"/>
      </rPr>
      <t>OR</t>
    </r>
    <r>
      <rPr>
        <sz val="10"/>
        <color theme="1"/>
        <rFont val="Verdana"/>
        <family val="2"/>
      </rPr>
      <t xml:space="preserve">                                               A- General Engineering Contractor-CSLB</t>
    </r>
  </si>
  <si>
    <r>
      <t xml:space="preserve">C-12 Earthwork &amp; Paving Contractor </t>
    </r>
    <r>
      <rPr>
        <b/>
        <sz val="10"/>
        <color theme="1"/>
        <rFont val="Verdana"/>
        <family val="2"/>
      </rPr>
      <t>OR</t>
    </r>
    <r>
      <rPr>
        <sz val="10"/>
        <color theme="1"/>
        <rFont val="Verdana"/>
        <family val="2"/>
      </rPr>
      <t xml:space="preserve">                                                          A- General Engineering Contractor-CSLB</t>
    </r>
  </si>
  <si>
    <t>RECYCLE, RECLAIM ASPHALT CONCRETE PAVEMENT</t>
  </si>
  <si>
    <r>
      <t xml:space="preserve">A- General Engineering Contractor, C-12 Earthwork &amp; Paving Contractor </t>
    </r>
    <r>
      <rPr>
        <b/>
        <sz val="11"/>
        <color theme="1"/>
        <rFont val="Verdana"/>
        <family val="2"/>
      </rPr>
      <t xml:space="preserve">OR                 
</t>
    </r>
    <r>
      <rPr>
        <sz val="11"/>
        <color theme="1"/>
        <rFont val="Verdana"/>
        <family val="2"/>
      </rPr>
      <t>C-8 Concrete Contractor - CSLB</t>
    </r>
  </si>
  <si>
    <r>
      <t xml:space="preserve">A-General Engineering Contractor, D-06 Concrete Related Services-CSLB </t>
    </r>
    <r>
      <rPr>
        <b/>
        <sz val="10"/>
        <color theme="1"/>
        <rFont val="Verdana"/>
        <family val="2"/>
      </rPr>
      <t>OR</t>
    </r>
    <r>
      <rPr>
        <sz val="10"/>
        <color theme="1"/>
        <rFont val="Verdana"/>
        <family val="2"/>
      </rPr>
      <t xml:space="preserve">                C-8 Concrete Contractor-CSLB</t>
    </r>
  </si>
  <si>
    <r>
      <t xml:space="preserve">A-General Engineering Contractor, C-8 Concrete Contractor </t>
    </r>
    <r>
      <rPr>
        <b/>
        <sz val="10"/>
        <color theme="1"/>
        <rFont val="Verdana"/>
        <family val="2"/>
      </rPr>
      <t xml:space="preserve">OR                      </t>
    </r>
    <r>
      <rPr>
        <sz val="10"/>
        <color theme="1"/>
        <rFont val="Verdana"/>
        <family val="2"/>
      </rPr>
      <t>C-61 / D-30 Pile Driving &amp; Pressure Foundation Jacking Contractor- CSLB</t>
    </r>
  </si>
  <si>
    <r>
      <t xml:space="preserve">A-General Engineering Contractor, C-8 Concrete Contractor </t>
    </r>
    <r>
      <rPr>
        <b/>
        <sz val="10"/>
        <color theme="1"/>
        <rFont val="Verdana"/>
        <family val="2"/>
      </rPr>
      <t xml:space="preserve">OR                        </t>
    </r>
    <r>
      <rPr>
        <sz val="10"/>
        <color theme="1"/>
        <rFont val="Verdana"/>
        <family val="2"/>
      </rPr>
      <t xml:space="preserve">  C-61 / D-30 Pile Driving &amp; Pressure Foundation Jacking Contractor- CSLB</t>
    </r>
  </si>
  <si>
    <r>
      <t xml:space="preserve">C-61 / D-06 Concrete Related Services </t>
    </r>
    <r>
      <rPr>
        <b/>
        <sz val="10"/>
        <color theme="1"/>
        <rFont val="Verdana"/>
        <family val="2"/>
      </rPr>
      <t xml:space="preserve">OR </t>
    </r>
    <r>
      <rPr>
        <sz val="10"/>
        <color theme="1"/>
        <rFont val="Verdana"/>
        <family val="2"/>
      </rPr>
      <t xml:space="preserve">                                                                A-General Engineering Contractor - CSLB</t>
    </r>
  </si>
  <si>
    <t>C4602</t>
  </si>
  <si>
    <t>GROUND ANCHOR</t>
  </si>
  <si>
    <t>Construct ground anchor or soil nail wall to stabilize slope or embankment</t>
  </si>
  <si>
    <r>
      <t xml:space="preserve">C-61 / D-30 Pile Driving &amp; Pressure Foundation Jacking Contractor </t>
    </r>
    <r>
      <rPr>
        <b/>
        <sz val="10"/>
        <color theme="1"/>
        <rFont val="Verdana"/>
        <family val="2"/>
      </rPr>
      <t>OR</t>
    </r>
    <r>
      <rPr>
        <sz val="10"/>
        <color theme="1"/>
        <rFont val="Verdana"/>
        <family val="2"/>
      </rPr>
      <t xml:space="preserve">            A-General Engineering Contractor - CSLB</t>
    </r>
  </si>
  <si>
    <t>C4904</t>
  </si>
  <si>
    <t>DRILLED HOLE</t>
  </si>
  <si>
    <t>Drilling holes and installing steel soldier piles in the holes.  Furnish and place temporary casings or tremie seals where  necessary to control water or to prevent caving of the hole.</t>
  </si>
  <si>
    <r>
      <t xml:space="preserve">C-61 / D30 - Pile Driving and Pressure Foundation Jacking Contractor </t>
    </r>
    <r>
      <rPr>
        <b/>
        <sz val="10"/>
        <color theme="1"/>
        <rFont val="Verdana"/>
        <family val="2"/>
      </rPr>
      <t xml:space="preserve">OR                </t>
    </r>
    <r>
      <rPr>
        <sz val="10"/>
        <color theme="1"/>
        <rFont val="Verdana"/>
        <family val="2"/>
      </rPr>
      <t xml:space="preserve">A-General Engineering Contractor </t>
    </r>
    <r>
      <rPr>
        <b/>
        <sz val="10"/>
        <color theme="1"/>
        <rFont val="Verdana"/>
        <family val="2"/>
      </rPr>
      <t>OR</t>
    </r>
    <r>
      <rPr>
        <sz val="10"/>
        <color theme="1"/>
        <rFont val="Verdana"/>
        <family val="2"/>
      </rPr>
      <t xml:space="preserve">               C-57 - Well Drilling - CSLB</t>
    </r>
  </si>
  <si>
    <t>C4905</t>
  </si>
  <si>
    <t>SOIL STABILIZATION</t>
  </si>
  <si>
    <t>Businesses engaged in alteration of soils ot enhance their physical properties.  Stabilization can increase the shear strnght of a sol and/or control the shrink-well properties of a soil, thus improving the load bearing capacity of a sub-grade to support pavements and foundations.</t>
  </si>
  <si>
    <t>A- General Engineering Contractor - CSLB</t>
  </si>
  <si>
    <r>
      <t xml:space="preserve">C-61 /D09 - Drilling, Blasting and Oil Field Work Contractor </t>
    </r>
    <r>
      <rPr>
        <b/>
        <sz val="10"/>
        <color theme="1"/>
        <rFont val="Verdana"/>
        <family val="2"/>
      </rPr>
      <t>OR</t>
    </r>
    <r>
      <rPr>
        <sz val="10"/>
        <color theme="1"/>
        <rFont val="Verdana"/>
        <family val="2"/>
      </rPr>
      <t xml:space="preserve">                                     A- General Engineering Contractor - CSLB</t>
    </r>
  </si>
  <si>
    <r>
      <t xml:space="preserve">C-8 Concrete Contractor </t>
    </r>
    <r>
      <rPr>
        <b/>
        <sz val="10"/>
        <color theme="1"/>
        <rFont val="Verdana"/>
        <family val="2"/>
      </rPr>
      <t xml:space="preserve">OR                                   </t>
    </r>
    <r>
      <rPr>
        <sz val="10"/>
        <color theme="1"/>
        <rFont val="Verdana"/>
        <family val="2"/>
      </rPr>
      <t>A- General Engineering Contractor, C-61 / D6 - Concrete Related Services - CSLB</t>
    </r>
  </si>
  <si>
    <r>
      <t xml:space="preserve">C-8 Concrete Contractor </t>
    </r>
    <r>
      <rPr>
        <b/>
        <sz val="10"/>
        <color theme="1"/>
        <rFont val="Verdana"/>
        <family val="2"/>
      </rPr>
      <t>OR</t>
    </r>
    <r>
      <rPr>
        <sz val="10"/>
        <color theme="1"/>
        <rFont val="Verdana"/>
        <family val="2"/>
      </rPr>
      <t xml:space="preserve">                                                   A-General Engineering Contractor - CSLB</t>
    </r>
  </si>
  <si>
    <r>
      <t xml:space="preserve">C-8 Concrete Contractor </t>
    </r>
    <r>
      <rPr>
        <b/>
        <sz val="10"/>
        <color theme="1"/>
        <rFont val="Verdana"/>
        <family val="2"/>
      </rPr>
      <t xml:space="preserve">OR                                   </t>
    </r>
    <r>
      <rPr>
        <sz val="10"/>
        <color theme="1"/>
        <rFont val="Verdana"/>
        <family val="2"/>
      </rPr>
      <t>A- General Engineering Contractor - CSLB</t>
    </r>
  </si>
  <si>
    <r>
      <t xml:space="preserve">A-General Engineering Contractor, C-8 Concrete Contractor- CSLB </t>
    </r>
    <r>
      <rPr>
        <b/>
        <sz val="10"/>
        <color theme="1"/>
        <rFont val="Verdana"/>
        <family val="2"/>
      </rPr>
      <t>OR</t>
    </r>
    <r>
      <rPr>
        <sz val="10"/>
        <color theme="1"/>
        <rFont val="Verdana"/>
        <family val="2"/>
      </rPr>
      <t xml:space="preserve">
D-61 / D-6 Concrete Related Services - CSLB</t>
    </r>
  </si>
  <si>
    <t xml:space="preserve">A- General Engineering Contractor - CSLB
</t>
  </si>
  <si>
    <t xml:space="preserve"> A- General Engineering Contractor  - CSLB</t>
  </si>
  <si>
    <r>
      <t xml:space="preserve">C-29 Masonry Contractor </t>
    </r>
    <r>
      <rPr>
        <b/>
        <sz val="11"/>
        <color theme="1"/>
        <rFont val="Verdana"/>
        <family val="2"/>
      </rPr>
      <t>OR</t>
    </r>
    <r>
      <rPr>
        <sz val="11"/>
        <color theme="1"/>
        <rFont val="Verdana"/>
        <family val="2"/>
      </rPr>
      <t xml:space="preserve">                           A- General Engineering Contractor - CSLB</t>
    </r>
  </si>
  <si>
    <t>MASONRY BLOCK SOUND WALL</t>
  </si>
  <si>
    <r>
      <t xml:space="preserve">C-8 Concrete Contractor </t>
    </r>
    <r>
      <rPr>
        <b/>
        <sz val="11"/>
        <color theme="1"/>
        <rFont val="Verdana"/>
        <family val="2"/>
      </rPr>
      <t>OR</t>
    </r>
    <r>
      <rPr>
        <sz val="11"/>
        <color theme="1"/>
        <rFont val="Verdana"/>
        <family val="2"/>
      </rPr>
      <t xml:space="preserve">                            A- General Engineering Contractor - CSLB</t>
    </r>
  </si>
  <si>
    <r>
      <t xml:space="preserve">C-29 Masonry Contractor  </t>
    </r>
    <r>
      <rPr>
        <b/>
        <sz val="10"/>
        <color theme="1"/>
        <rFont val="Verdana"/>
        <family val="2"/>
      </rPr>
      <t xml:space="preserve">OR                  </t>
    </r>
    <r>
      <rPr>
        <sz val="10"/>
        <color theme="1"/>
        <rFont val="Verdana"/>
        <family val="2"/>
      </rPr>
      <t>A- General Engineering Contractor - CSLB</t>
    </r>
  </si>
  <si>
    <r>
      <t xml:space="preserve">C-29 Masonry Contractor  </t>
    </r>
    <r>
      <rPr>
        <b/>
        <sz val="11"/>
        <color theme="1"/>
        <rFont val="Verdana"/>
        <family val="2"/>
      </rPr>
      <t>OR</t>
    </r>
    <r>
      <rPr>
        <sz val="11"/>
        <color theme="1"/>
        <rFont val="Verdana"/>
        <family val="2"/>
      </rPr>
      <t xml:space="preserve">                  A- General Engineering Contractor - CSLB</t>
    </r>
  </si>
  <si>
    <r>
      <t xml:space="preserve">D-12 Synthetic Products Contractor </t>
    </r>
    <r>
      <rPr>
        <b/>
        <sz val="11"/>
        <color theme="1"/>
        <rFont val="Verdana"/>
        <family val="2"/>
      </rPr>
      <t>OR</t>
    </r>
    <r>
      <rPr>
        <sz val="11"/>
        <color theme="1"/>
        <rFont val="Verdana"/>
        <family val="2"/>
      </rPr>
      <t xml:space="preserve">                                                      A- General Engineering Contractor - CSLB</t>
    </r>
  </si>
  <si>
    <r>
      <t xml:space="preserve">C-50 Reinforcing Steel Contractor  </t>
    </r>
    <r>
      <rPr>
        <b/>
        <sz val="10"/>
        <color theme="1"/>
        <rFont val="Verdana"/>
        <family val="2"/>
      </rPr>
      <t xml:space="preserve">OR    </t>
    </r>
    <r>
      <rPr>
        <sz val="10"/>
        <color theme="1"/>
        <rFont val="Verdana"/>
        <family val="2"/>
      </rPr>
      <t xml:space="preserve"> A- General Engineering Contractor - CSLB</t>
    </r>
  </si>
  <si>
    <t>C-8 Concrete Contractor OR                     A- General Engineering Contractor - CSLB</t>
  </si>
  <si>
    <r>
      <t xml:space="preserve">A- General Engineering Contractor,             C-8 Concrete Contractor </t>
    </r>
    <r>
      <rPr>
        <b/>
        <sz val="11"/>
        <color theme="1"/>
        <rFont val="Verdana"/>
        <family val="2"/>
      </rPr>
      <t>OR</t>
    </r>
    <r>
      <rPr>
        <sz val="11"/>
        <color theme="1"/>
        <rFont val="Verdana"/>
        <family val="2"/>
      </rPr>
      <t xml:space="preserve">                           D-6 Concrete Related Services  - CSLB</t>
    </r>
  </si>
  <si>
    <r>
      <t xml:space="preserve">C-8 Concrete Contractor </t>
    </r>
    <r>
      <rPr>
        <b/>
        <sz val="10"/>
        <color theme="1"/>
        <rFont val="Verdana"/>
        <family val="2"/>
      </rPr>
      <t xml:space="preserve">OR </t>
    </r>
    <r>
      <rPr>
        <sz val="10"/>
        <color theme="1"/>
        <rFont val="Verdana"/>
        <family val="2"/>
      </rPr>
      <t xml:space="preserve">                    A- General Engineering Contractor - CSLB</t>
    </r>
  </si>
  <si>
    <r>
      <t xml:space="preserve">C-29 Masonry Contractor </t>
    </r>
    <r>
      <rPr>
        <b/>
        <sz val="11"/>
        <color theme="1"/>
        <rFont val="Verdana"/>
        <family val="2"/>
      </rPr>
      <t>OR</t>
    </r>
    <r>
      <rPr>
        <sz val="11"/>
        <color theme="1"/>
        <rFont val="Verdana"/>
        <family val="2"/>
      </rPr>
      <t xml:space="preserve"> C-33 Painting and Decorating Contractor  </t>
    </r>
    <r>
      <rPr>
        <b/>
        <sz val="11"/>
        <color theme="1"/>
        <rFont val="Verdana"/>
        <family val="2"/>
      </rPr>
      <t>OR</t>
    </r>
    <r>
      <rPr>
        <sz val="11"/>
        <color theme="1"/>
        <rFont val="Verdana"/>
        <family val="2"/>
      </rPr>
      <t xml:space="preserve"> C-39 Roofing Contractor - CSLB (whichever class is relevant)</t>
    </r>
  </si>
  <si>
    <r>
      <t xml:space="preserve">C-29 Masonry Contractor </t>
    </r>
    <r>
      <rPr>
        <b/>
        <sz val="11"/>
        <color theme="1"/>
        <rFont val="Verdana"/>
        <family val="2"/>
      </rPr>
      <t>OR</t>
    </r>
    <r>
      <rPr>
        <sz val="11"/>
        <color theme="1"/>
        <rFont val="Verdana"/>
        <family val="2"/>
      </rPr>
      <t xml:space="preserve">                           C-33 Painting and Decorating Contractor  </t>
    </r>
    <r>
      <rPr>
        <b/>
        <sz val="11"/>
        <color theme="1"/>
        <rFont val="Verdana"/>
        <family val="2"/>
      </rPr>
      <t>OR</t>
    </r>
    <r>
      <rPr>
        <sz val="11"/>
        <color theme="1"/>
        <rFont val="Verdana"/>
        <family val="2"/>
      </rPr>
      <t xml:space="preserve">                                      C-39 Roofing Contractor - CSLB (whichever class is relevant)</t>
    </r>
  </si>
  <si>
    <r>
      <t xml:space="preserve">C-51 Structural Steel Contractor </t>
    </r>
    <r>
      <rPr>
        <b/>
        <sz val="11"/>
        <color theme="1"/>
        <rFont val="Verdana"/>
        <family val="2"/>
      </rPr>
      <t>OR</t>
    </r>
    <r>
      <rPr>
        <sz val="11"/>
        <color theme="1"/>
        <rFont val="Verdana"/>
        <family val="2"/>
      </rPr>
      <t xml:space="preserve">                                                        A- General Engineering Contractor - CSLB</t>
    </r>
  </si>
  <si>
    <r>
      <t xml:space="preserve">C-61 / D-42 Sign Installation </t>
    </r>
    <r>
      <rPr>
        <b/>
        <sz val="10"/>
        <color theme="1"/>
        <rFont val="Verdana"/>
        <family val="2"/>
      </rPr>
      <t>OR</t>
    </r>
    <r>
      <rPr>
        <sz val="10"/>
        <color theme="1"/>
        <rFont val="Verdana"/>
        <family val="2"/>
      </rPr>
      <t xml:space="preserve">             A- General Engineering Contractor - CSLB</t>
    </r>
  </si>
  <si>
    <t xml:space="preserve"> A- General Engineering Contractor - CSLB</t>
  </si>
  <si>
    <t>Completion of a training program in rail vehicle inspection administered by the Federal Railroad Administration</t>
  </si>
  <si>
    <r>
      <t xml:space="preserve">C-42 Sanitation System Contractor  </t>
    </r>
    <r>
      <rPr>
        <b/>
        <sz val="10"/>
        <color theme="1"/>
        <rFont val="Verdana"/>
        <family val="2"/>
      </rPr>
      <t>OR</t>
    </r>
    <r>
      <rPr>
        <sz val="10"/>
        <color theme="1"/>
        <rFont val="Verdana"/>
        <family val="2"/>
      </rPr>
      <t xml:space="preserve">     A- General Engineering Contractor - CSLB</t>
    </r>
  </si>
  <si>
    <r>
      <t xml:space="preserve">C-42 Sanitation System Contractor  </t>
    </r>
    <r>
      <rPr>
        <b/>
        <sz val="10"/>
        <color theme="1"/>
        <rFont val="Verdana"/>
        <family val="2"/>
      </rPr>
      <t>OR</t>
    </r>
    <r>
      <rPr>
        <sz val="10"/>
        <color theme="1"/>
        <rFont val="Verdana"/>
        <family val="2"/>
      </rPr>
      <t xml:space="preserve">                                                     A- General Engineering Contractor - CSLB</t>
    </r>
  </si>
  <si>
    <r>
      <t xml:space="preserve">C-8 Concrete Contractor </t>
    </r>
    <r>
      <rPr>
        <b/>
        <sz val="10"/>
        <color theme="1"/>
        <rFont val="Verdana"/>
        <family val="2"/>
      </rPr>
      <t>OR</t>
    </r>
    <r>
      <rPr>
        <sz val="10"/>
        <color theme="1"/>
        <rFont val="Verdana"/>
        <family val="2"/>
      </rPr>
      <t xml:space="preserve">                     A- General Engineering Contractor </t>
    </r>
    <r>
      <rPr>
        <b/>
        <sz val="10"/>
        <color theme="1"/>
        <rFont val="Verdana"/>
        <family val="2"/>
      </rPr>
      <t xml:space="preserve">OR             </t>
    </r>
    <r>
      <rPr>
        <sz val="10"/>
        <color theme="1"/>
        <rFont val="Verdana"/>
        <family val="2"/>
      </rPr>
      <t xml:space="preserve"> C-42 - Sanitation System Contractor- CSLB</t>
    </r>
  </si>
  <si>
    <r>
      <t xml:space="preserve">ASB - Asbestos Certification from CSLB                                                   C-8 Concrete Contractor </t>
    </r>
    <r>
      <rPr>
        <b/>
        <sz val="11"/>
        <color theme="1"/>
        <rFont val="Verdana"/>
        <family val="2"/>
      </rPr>
      <t>OR</t>
    </r>
    <r>
      <rPr>
        <sz val="11"/>
        <color theme="1"/>
        <rFont val="Verdana"/>
        <family val="2"/>
      </rPr>
      <t xml:space="preserve">                       A- General Engineering Contractor - CSLB</t>
    </r>
  </si>
  <si>
    <r>
      <t xml:space="preserve">ASB - Asbestos Certification from CSLB                                               C-8 Concrete Contractor </t>
    </r>
    <r>
      <rPr>
        <b/>
        <sz val="11"/>
        <color theme="1"/>
        <rFont val="Verdana"/>
        <family val="2"/>
      </rPr>
      <t>OR</t>
    </r>
    <r>
      <rPr>
        <sz val="11"/>
        <color theme="1"/>
        <rFont val="Verdana"/>
        <family val="2"/>
      </rPr>
      <t xml:space="preserve">               A- General Engineering Contractor - CSLB</t>
    </r>
  </si>
  <si>
    <r>
      <t xml:space="preserve">C-42 Sanitation System Contractor </t>
    </r>
    <r>
      <rPr>
        <b/>
        <sz val="11"/>
        <color theme="1"/>
        <rFont val="Verdana"/>
        <family val="2"/>
      </rPr>
      <t>OR</t>
    </r>
    <r>
      <rPr>
        <sz val="11"/>
        <color theme="1"/>
        <rFont val="Verdana"/>
        <family val="2"/>
      </rPr>
      <t xml:space="preserve">                                                          A- General Engineering Contractor - CSLB</t>
    </r>
  </si>
  <si>
    <r>
      <t xml:space="preserve">C-34 - Pipeline Contractor </t>
    </r>
    <r>
      <rPr>
        <b/>
        <sz val="11"/>
        <color theme="1"/>
        <rFont val="Verdana"/>
        <family val="2"/>
      </rPr>
      <t>OR</t>
    </r>
    <r>
      <rPr>
        <sz val="11"/>
        <color theme="1"/>
        <rFont val="Verdana"/>
        <family val="2"/>
      </rPr>
      <t xml:space="preserve">        A-General Engineering Contractor - CSLB                                                          C-42 Sanitation System Contractor </t>
    </r>
  </si>
  <si>
    <r>
      <t xml:space="preserve">C-34 - Pipeline Contractor </t>
    </r>
    <r>
      <rPr>
        <b/>
        <sz val="11"/>
        <color theme="1"/>
        <rFont val="Verdana"/>
        <family val="2"/>
      </rPr>
      <t>OR</t>
    </r>
    <r>
      <rPr>
        <sz val="11"/>
        <color theme="1"/>
        <rFont val="Verdana"/>
        <family val="2"/>
      </rPr>
      <t xml:space="preserve">                              A-General Engineer - CSLB                               C-42 Sanitation System Contractor </t>
    </r>
  </si>
  <si>
    <r>
      <t xml:space="preserve">A- General Engineering Contractor </t>
    </r>
    <r>
      <rPr>
        <b/>
        <sz val="10"/>
        <color rgb="FF000000"/>
        <rFont val="Verdana"/>
        <family val="2"/>
      </rPr>
      <t xml:space="preserve">OR                      </t>
    </r>
    <r>
      <rPr>
        <sz val="10"/>
        <color rgb="FF000000"/>
        <rFont val="Verdana"/>
        <family val="2"/>
      </rPr>
      <t xml:space="preserve">C-34 - Pipeline Contractor </t>
    </r>
    <r>
      <rPr>
        <b/>
        <sz val="10"/>
        <color rgb="FF000000"/>
        <rFont val="Verdana"/>
        <family val="2"/>
      </rPr>
      <t>OR</t>
    </r>
    <r>
      <rPr>
        <sz val="10"/>
        <color rgb="FF000000"/>
        <rFont val="Verdana"/>
        <family val="2"/>
      </rPr>
      <t xml:space="preserve">                               C-42 - Sanitation System Contractor - CSLB</t>
    </r>
  </si>
  <si>
    <r>
      <t xml:space="preserve">C-42 Sanitation System Contractor </t>
    </r>
    <r>
      <rPr>
        <b/>
        <sz val="11"/>
        <color theme="1"/>
        <rFont val="Verdana"/>
        <family val="2"/>
      </rPr>
      <t>OR</t>
    </r>
    <r>
      <rPr>
        <sz val="11"/>
        <color theme="1"/>
        <rFont val="Verdana"/>
        <family val="2"/>
      </rPr>
      <t xml:space="preserve">                                                       A- General Engineerng Contractor - CSLB</t>
    </r>
  </si>
  <si>
    <r>
      <t xml:space="preserve">C-34 - Pipeline Contractor </t>
    </r>
    <r>
      <rPr>
        <b/>
        <sz val="10"/>
        <color theme="1"/>
        <rFont val="Verdana"/>
        <family val="2"/>
      </rPr>
      <t>OR</t>
    </r>
    <r>
      <rPr>
        <sz val="10"/>
        <color theme="1"/>
        <rFont val="Verdana"/>
        <family val="2"/>
      </rPr>
      <t xml:space="preserve">                                C-42 - Sanitation System Contractor - CSLB</t>
    </r>
  </si>
  <si>
    <t>C7036</t>
  </si>
  <si>
    <t>WELDING CONTRACTOR</t>
  </si>
  <si>
    <t>Industry comprises a contractor that causes metals to become permanently attached, joined and fabricated by the use of gases and electrical energy, which creates temperatures of sufficient heat to perform this work.</t>
  </si>
  <si>
    <t>C-60 - Welding Contractor - CSLB</t>
  </si>
  <si>
    <r>
      <t xml:space="preserve">C-42 Sanitation System Contractor </t>
    </r>
    <r>
      <rPr>
        <b/>
        <sz val="11"/>
        <color theme="1"/>
        <rFont val="Verdana"/>
        <family val="2"/>
      </rPr>
      <t>OR</t>
    </r>
    <r>
      <rPr>
        <sz val="11"/>
        <color theme="1"/>
        <rFont val="Verdana"/>
        <family val="2"/>
      </rPr>
      <t xml:space="preserve">                                                    A-General Engineering Contractor - CSLB</t>
    </r>
  </si>
  <si>
    <r>
      <t xml:space="preserve">C-42 Sanitation System Contractor </t>
    </r>
    <r>
      <rPr>
        <b/>
        <sz val="11"/>
        <color theme="1"/>
        <rFont val="Verdana"/>
        <family val="2"/>
      </rPr>
      <t>OR</t>
    </r>
    <r>
      <rPr>
        <sz val="11"/>
        <color theme="1"/>
        <rFont val="Verdana"/>
        <family val="2"/>
      </rPr>
      <t xml:space="preserve">                                                          A-General Engineering Contractor - CSLB</t>
    </r>
  </si>
  <si>
    <r>
      <t xml:space="preserve">C-42 Sanitation System Contractor </t>
    </r>
    <r>
      <rPr>
        <b/>
        <sz val="11"/>
        <color theme="1"/>
        <rFont val="Verdana"/>
        <family val="2"/>
      </rPr>
      <t>OR</t>
    </r>
    <r>
      <rPr>
        <sz val="11"/>
        <color theme="1"/>
        <rFont val="Verdana"/>
        <family val="2"/>
      </rPr>
      <t xml:space="preserve"> A-General Engineer - CSLB  ASB - Asbestos Certification from CSLB</t>
    </r>
  </si>
  <si>
    <r>
      <t xml:space="preserve">C-42 Sanitation System Contractor </t>
    </r>
    <r>
      <rPr>
        <b/>
        <sz val="11"/>
        <color theme="1"/>
        <rFont val="Verdana"/>
        <family val="2"/>
      </rPr>
      <t>OR</t>
    </r>
    <r>
      <rPr>
        <sz val="11"/>
        <color theme="1"/>
        <rFont val="Verdana"/>
        <family val="2"/>
      </rPr>
      <t xml:space="preserve">                                                          A-General Engineer - CSLB               ASB - Asbestos Certification from CSLB</t>
    </r>
  </si>
  <si>
    <r>
      <t xml:space="preserve">A-General Engineering Contractor, C-12 Earthwork &amp; Paving  </t>
    </r>
    <r>
      <rPr>
        <b/>
        <sz val="11"/>
        <color theme="1"/>
        <rFont val="Verdana"/>
        <family val="2"/>
      </rPr>
      <t>OR</t>
    </r>
    <r>
      <rPr>
        <sz val="11"/>
        <color theme="1"/>
        <rFont val="Verdana"/>
        <family val="2"/>
      </rPr>
      <t xml:space="preserve">               C-8 Concrete Contractor - CSLB</t>
    </r>
  </si>
  <si>
    <r>
      <t xml:space="preserve">A- General Engineering Contractor, C-12 Earthwork and Paving  </t>
    </r>
    <r>
      <rPr>
        <b/>
        <sz val="10"/>
        <color theme="1"/>
        <rFont val="Verdana"/>
        <family val="2"/>
      </rPr>
      <t>OR</t>
    </r>
    <r>
      <rPr>
        <sz val="10"/>
        <color theme="1"/>
        <rFont val="Verdana"/>
        <family val="2"/>
      </rPr>
      <t xml:space="preserve">                     C-8 Concrete Contractor- CSLB</t>
    </r>
  </si>
  <si>
    <r>
      <t xml:space="preserve">A- General Engineering Contractor, C-8 Concrete Contractor  </t>
    </r>
    <r>
      <rPr>
        <b/>
        <sz val="10"/>
        <color theme="1"/>
        <rFont val="Verdana"/>
        <family val="2"/>
      </rPr>
      <t>OR</t>
    </r>
    <r>
      <rPr>
        <sz val="10"/>
        <color theme="1"/>
        <rFont val="Verdana"/>
        <family val="2"/>
      </rPr>
      <t xml:space="preserve">                                   C-61 / D6 - Concrete Related Services- CSLB</t>
    </r>
  </si>
  <si>
    <t>D-21 Machinery &amp; Pumps - CSLB                 C-10 - Electrical Contractor</t>
  </si>
  <si>
    <r>
      <t xml:space="preserve">C-51 Structural Steel Contractor </t>
    </r>
    <r>
      <rPr>
        <b/>
        <sz val="10"/>
        <color theme="1"/>
        <rFont val="Verdana"/>
        <family val="2"/>
      </rPr>
      <t>OR</t>
    </r>
    <r>
      <rPr>
        <sz val="10"/>
        <color theme="1"/>
        <rFont val="Verdana"/>
        <family val="2"/>
      </rPr>
      <t xml:space="preserve">                        A- General Engineering Contractor -  CSLB</t>
    </r>
  </si>
  <si>
    <r>
      <t xml:space="preserve">C-57 Well Drilling Contractor  </t>
    </r>
    <r>
      <rPr>
        <b/>
        <sz val="10"/>
        <color theme="1"/>
        <rFont val="Verdana"/>
        <family val="2"/>
      </rPr>
      <t>OR</t>
    </r>
    <r>
      <rPr>
        <sz val="10"/>
        <color theme="1"/>
        <rFont val="Verdana"/>
        <family val="2"/>
      </rPr>
      <t xml:space="preserve">                            A- General Engineering Contractor - CSLB</t>
    </r>
  </si>
  <si>
    <r>
      <t xml:space="preserve">C-57 Well Drilling Contractor </t>
    </r>
    <r>
      <rPr>
        <b/>
        <sz val="11"/>
        <color theme="1"/>
        <rFont val="Verdana"/>
        <family val="2"/>
      </rPr>
      <t>OR</t>
    </r>
    <r>
      <rPr>
        <sz val="11"/>
        <color theme="1"/>
        <rFont val="Verdana"/>
        <family val="2"/>
      </rPr>
      <t xml:space="preserve">                                      A- General Engineering Contractor -  CSLB</t>
    </r>
  </si>
  <si>
    <r>
      <t xml:space="preserve">C-57 Well Drilling Contractor </t>
    </r>
    <r>
      <rPr>
        <b/>
        <sz val="11"/>
        <color theme="1"/>
        <rFont val="Verdana"/>
        <family val="2"/>
      </rPr>
      <t>OR</t>
    </r>
    <r>
      <rPr>
        <sz val="11"/>
        <color theme="1"/>
        <rFont val="Verdana"/>
        <family val="2"/>
      </rPr>
      <t xml:space="preserve">                       A- General Engineer CSLB</t>
    </r>
  </si>
  <si>
    <t>C7602</t>
  </si>
  <si>
    <t>SAW CUTTING</t>
  </si>
  <si>
    <t>Sawcutting involes the formation of joints or breaks in a PCC mass (slab) by the use of mechanical cutting tools.</t>
  </si>
  <si>
    <t>561990-All Other Support Services</t>
  </si>
  <si>
    <t>C7804</t>
  </si>
  <si>
    <t>PAINT AND STAIN CONCRETE</t>
  </si>
  <si>
    <t>Preparing for painting or staining concrete and timber surfaces including anti-graffitti coating.  The work performed may include new work, additions, alterations, maintenance, and repairs.</t>
  </si>
  <si>
    <r>
      <t xml:space="preserve">C-13 Fencing Contractor -  </t>
    </r>
    <r>
      <rPr>
        <b/>
        <sz val="10"/>
        <color theme="1"/>
        <rFont val="Verdana"/>
        <family val="2"/>
      </rPr>
      <t>OR</t>
    </r>
    <r>
      <rPr>
        <sz val="10"/>
        <color theme="1"/>
        <rFont val="Verdana"/>
        <family val="2"/>
      </rPr>
      <t xml:space="preserve">                                 A- General Engineering Contractor - CSLB</t>
    </r>
  </si>
  <si>
    <r>
      <t xml:space="preserve">C-8 Concrete Contractor </t>
    </r>
    <r>
      <rPr>
        <b/>
        <sz val="10"/>
        <color theme="1"/>
        <rFont val="Verdana"/>
        <family val="2"/>
      </rPr>
      <t>OR</t>
    </r>
    <r>
      <rPr>
        <sz val="10"/>
        <color theme="1"/>
        <rFont val="Verdana"/>
        <family val="2"/>
      </rPr>
      <t xml:space="preserve">                                   B- General Building Contractor- CSLB</t>
    </r>
  </si>
  <si>
    <t>C8102</t>
  </si>
  <si>
    <t>HISTORICAL PROPERTIES SURVEY REPORTS</t>
  </si>
  <si>
    <r>
      <t xml:space="preserve">C-8 Concrete Contractor </t>
    </r>
    <r>
      <rPr>
        <b/>
        <sz val="10"/>
        <color theme="1"/>
        <rFont val="Verdana"/>
        <family val="2"/>
      </rPr>
      <t>OR</t>
    </r>
    <r>
      <rPr>
        <sz val="10"/>
        <color theme="1"/>
        <rFont val="Verdana"/>
        <family val="2"/>
      </rPr>
      <t xml:space="preserve">                  A- General Engineering Contractor - CSLB</t>
    </r>
  </si>
  <si>
    <t>C8396</t>
  </si>
  <si>
    <t>CRASH CUSHION</t>
  </si>
  <si>
    <t>An array of crash cushion modules generally used at the approach end of the temporary railing (Type K) or at the blunt end of permanent concrete barrier.</t>
  </si>
  <si>
    <t>561990 - All Other Support Services,                                                                    238990 - All Other Speciality Trade Contractors</t>
  </si>
  <si>
    <r>
      <t xml:space="preserve">C-32 Parking &amp; Highway Improvement Contractor </t>
    </r>
    <r>
      <rPr>
        <b/>
        <sz val="10"/>
        <color theme="1"/>
        <rFont val="Verdana"/>
        <family val="2"/>
      </rPr>
      <t>OR</t>
    </r>
    <r>
      <rPr>
        <sz val="10"/>
        <color theme="1"/>
        <rFont val="Verdana"/>
        <family val="2"/>
      </rPr>
      <t xml:space="preserve">                                       A- General Engineering Contractor - CSLB</t>
    </r>
  </si>
  <si>
    <t>C8601</t>
  </si>
  <si>
    <t>MAINTAINING EXISTING TRAFFIC MANAGEMENT SYSTEM ELEMENTS DURING CONSTRUCTION</t>
  </si>
  <si>
    <t>Maintain the existing electrial system in working order during the progress of the work.  Conduct your operations to avoid damage to the elements of the systems.  Traffic management system elements include:  ramp metering, traffic monitoring stations, MVDS CMS Highway advisory radio system CCTV</t>
  </si>
  <si>
    <t>C8606</t>
  </si>
  <si>
    <t>LIGHTING DESIGN SERVICES</t>
  </si>
  <si>
    <t xml:space="preserve">238210 - Electrical Contractors                                                               </t>
  </si>
  <si>
    <t xml:space="preserve">238210 - Electrical Contractors                                                                   </t>
  </si>
  <si>
    <t>238210 - Electrical Contractors                                                                             561990 - All Other Support Services</t>
  </si>
  <si>
    <t>C8612</t>
  </si>
  <si>
    <t>PAVEMENT PROFILING</t>
  </si>
  <si>
    <t>Pavement profiling is typically part of an item of work.</t>
  </si>
  <si>
    <t>C9811</t>
  </si>
  <si>
    <t>C-9 Drywall Contractor - CSLB</t>
  </si>
  <si>
    <t>C-9 Drywall Contractor- CSLB</t>
  </si>
  <si>
    <t>Must be licensed in California through National Commission for the Certification of Crane Operators (NCCCO).</t>
  </si>
  <si>
    <r>
      <t xml:space="preserve">C-12 Earthwork &amp; Paving Contractor                       A-General Engineering Contractor               C-8 Concrete Contractor </t>
    </r>
    <r>
      <rPr>
        <b/>
        <sz val="10"/>
        <color theme="1"/>
        <rFont val="Verdana"/>
        <family val="2"/>
      </rPr>
      <t>OR</t>
    </r>
    <r>
      <rPr>
        <sz val="10"/>
        <color theme="1"/>
        <rFont val="Verdana"/>
        <family val="2"/>
      </rPr>
      <t xml:space="preserve">                              D-6 Concrete Related Services - CSLB</t>
    </r>
  </si>
  <si>
    <t>C-15 Flooring &amp; Floor Covering Contractor OR D52 Window Covering Contractor - CSLB</t>
  </si>
  <si>
    <r>
      <t xml:space="preserve">C-29 Masonry Contractor </t>
    </r>
    <r>
      <rPr>
        <b/>
        <sz val="10"/>
        <color theme="1"/>
        <rFont val="Verdana"/>
        <family val="2"/>
      </rPr>
      <t>OR</t>
    </r>
    <r>
      <rPr>
        <sz val="10"/>
        <color theme="1"/>
        <rFont val="Verdana"/>
        <family val="2"/>
      </rPr>
      <t xml:space="preserve">                  A- General Engineering Contractor - CSLB</t>
    </r>
  </si>
  <si>
    <r>
      <t xml:space="preserve">B-General Building Contractor </t>
    </r>
    <r>
      <rPr>
        <b/>
        <sz val="10"/>
        <color theme="1"/>
        <rFont val="Verdana"/>
        <family val="2"/>
      </rPr>
      <t>OR</t>
    </r>
    <r>
      <rPr>
        <sz val="10"/>
        <color theme="1"/>
        <rFont val="Verdana"/>
        <family val="2"/>
      </rPr>
      <t xml:space="preserve">               C-21 Building Moving/Demolition Contractor - CSLB</t>
    </r>
  </si>
  <si>
    <t>A fire protection contractor lays out, fabricates and installs all types of fire protection systems; including all the equipment associated with these systems, excluding electrical alarm systems.</t>
  </si>
  <si>
    <t>C-16 Fire Protection Contractor - CSLB</t>
  </si>
  <si>
    <t>238220 - Plumbing, Heating and Air Conditioning Contractors                              238990 - All Other Specialty Trade Contractors</t>
  </si>
  <si>
    <t>LOW VOLTAGE ELECTRICAL SYSTEMS</t>
  </si>
  <si>
    <t>Installs, services and maintains all types of communication and low voltage systems which are energy limited and do not exceed 91 volts.  These systems include telephone systems, sound systems, cable television systems, closed-circuit video systems, satellite dish antennas, instrumention and temperature controls, and low voltage landscape lighting.</t>
  </si>
  <si>
    <r>
      <t xml:space="preserve">C-20 Warm-Air Heating, Ventilating &amp; Air-Conditioning Contractor (HVAC) </t>
    </r>
    <r>
      <rPr>
        <b/>
        <sz val="10"/>
        <color theme="1"/>
        <rFont val="Verdana"/>
        <family val="2"/>
      </rPr>
      <t>AND</t>
    </r>
    <r>
      <rPr>
        <sz val="10"/>
        <color theme="1"/>
        <rFont val="Verdana"/>
        <family val="2"/>
      </rPr>
      <t xml:space="preserve"> C-43 Sheet Metal Contractor -  CSLB</t>
    </r>
  </si>
  <si>
    <t>C9863</t>
  </si>
  <si>
    <t>LOADING DOCK EQUIPMENT INSTALLATION</t>
  </si>
  <si>
    <t>C9865</t>
  </si>
  <si>
    <t>DOOR INSTALLATION SERVICES</t>
  </si>
  <si>
    <t>C-5 Framing and Rough Carpentry Contractor - CSLB</t>
  </si>
  <si>
    <t>ASB- Asbestos Abatement Certification - CSLB                                             Registered with Department of Industrial Relations Cal/OSHA and Department of Labor</t>
  </si>
  <si>
    <r>
      <t xml:space="preserve">D-41 Siding &amp; Decking </t>
    </r>
    <r>
      <rPr>
        <b/>
        <sz val="10"/>
        <color theme="1"/>
        <rFont val="Verdana"/>
        <family val="2"/>
      </rPr>
      <t xml:space="preserve">OR                                    </t>
    </r>
    <r>
      <rPr>
        <sz val="10"/>
        <color theme="1"/>
        <rFont val="Verdana"/>
        <family val="2"/>
      </rPr>
      <t xml:space="preserve">
C-29 Masonry CSLB</t>
    </r>
  </si>
  <si>
    <t>Board of Equalization (BOE) - International Fuel Tax Agreement (IFTA) license</t>
  </si>
  <si>
    <t xml:space="preserve">336312 - Gasoline Egine and Engine Parts Manufacturing                                                                    334519 - Other Measuring and Controlling Device Manufacturing. </t>
  </si>
  <si>
    <t>Cleans up and/or removes from building grounds or structures any debris resultant from any construction project including but not limited to:  concrete dirt, scrap lumber, plaster, drywall, any paint or adhesive products from windows, floors, ceramic tile and bathroom fixtures.</t>
  </si>
  <si>
    <r>
      <t xml:space="preserve">C-12 Earthwork &amp; Paving Contractor                     C-61 / D06 - Concrete Related Services </t>
    </r>
    <r>
      <rPr>
        <b/>
        <sz val="10"/>
        <color theme="1"/>
        <rFont val="Verdana"/>
        <family val="2"/>
      </rPr>
      <t xml:space="preserve">OR    </t>
    </r>
    <r>
      <rPr>
        <sz val="10"/>
        <color theme="1"/>
        <rFont val="Verdana"/>
        <family val="2"/>
      </rPr>
      <t xml:space="preserve">                                                   A- General Engineering Contractor - CSLB</t>
    </r>
  </si>
  <si>
    <t>C9982</t>
  </si>
  <si>
    <t>CONSTRUCTION STAKING (SURVEYING)</t>
  </si>
  <si>
    <t>C8779</t>
  </si>
  <si>
    <t>CONSTRUCTION RELATED - NOT LICENSED IN CALIFORNIA</t>
  </si>
  <si>
    <t>NAICS Codes assigned by the home state</t>
  </si>
  <si>
    <t>Firm located outside of California and coordinates, directs, assists, advises, facilitates, estimates, reviews, reports on construction projects and performs the physical building of the work.</t>
  </si>
  <si>
    <r>
      <t xml:space="preserve">Architect </t>
    </r>
    <r>
      <rPr>
        <b/>
        <sz val="10"/>
        <color rgb="FF000000"/>
        <rFont val="Verdana"/>
        <family val="2"/>
      </rPr>
      <t xml:space="preserve">OR </t>
    </r>
    <r>
      <rPr>
        <sz val="10"/>
        <color rgb="FF000000"/>
        <rFont val="Verdana"/>
        <family val="2"/>
      </rPr>
      <t xml:space="preserve">Engineer DCA- Professional Engineers and Land Surveyors (BPELS&amp;G), A-General Engineering Contractor </t>
    </r>
    <r>
      <rPr>
        <b/>
        <sz val="10"/>
        <color rgb="FF000000"/>
        <rFont val="Verdana"/>
        <family val="2"/>
      </rPr>
      <t>OR</t>
    </r>
    <r>
      <rPr>
        <sz val="10"/>
        <color rgb="FF000000"/>
        <rFont val="Verdana"/>
        <family val="2"/>
      </rPr>
      <t xml:space="preserve">  B- General Building Contractor (CSLB) </t>
    </r>
    <r>
      <rPr>
        <b/>
        <sz val="10"/>
        <color rgb="FF000000"/>
        <rFont val="Verdana"/>
        <family val="2"/>
      </rPr>
      <t>but does not possess the license in California.</t>
    </r>
  </si>
  <si>
    <r>
      <t xml:space="preserve">C-32 Parking and Highway Improvement Coordinator </t>
    </r>
    <r>
      <rPr>
        <b/>
        <sz val="10"/>
        <color theme="1"/>
        <rFont val="Verdana"/>
        <family val="2"/>
      </rPr>
      <t>OR</t>
    </r>
    <r>
      <rPr>
        <sz val="10"/>
        <color theme="1"/>
        <rFont val="Verdana"/>
        <family val="2"/>
      </rPr>
      <t xml:space="preserve"> A-General Engineering Contractor - CSLB</t>
    </r>
  </si>
  <si>
    <r>
      <t xml:space="preserve">A- General Engineering Contractor </t>
    </r>
    <r>
      <rPr>
        <b/>
        <sz val="10"/>
        <color theme="1"/>
        <rFont val="Verdana"/>
        <family val="2"/>
      </rPr>
      <t>OR</t>
    </r>
    <r>
      <rPr>
        <sz val="10"/>
        <color theme="1"/>
        <rFont val="Verdana"/>
        <family val="2"/>
      </rPr>
      <t xml:space="preserve">         C-13 Fencing Contractor </t>
    </r>
    <r>
      <rPr>
        <b/>
        <sz val="10"/>
        <color theme="1"/>
        <rFont val="Verdana"/>
        <family val="2"/>
      </rPr>
      <t>OR</t>
    </r>
    <r>
      <rPr>
        <sz val="10"/>
        <color theme="1"/>
        <rFont val="Verdana"/>
        <family val="2"/>
      </rPr>
      <t xml:space="preserve">                  C-32 Parking &amp; Highway Improvement Contractor - CSLB</t>
    </r>
  </si>
  <si>
    <r>
      <t>C-13 Fencing</t>
    </r>
    <r>
      <rPr>
        <b/>
        <sz val="10"/>
        <color theme="1"/>
        <rFont val="Verdana"/>
        <family val="2"/>
      </rPr>
      <t xml:space="preserve"> </t>
    </r>
    <r>
      <rPr>
        <sz val="10"/>
        <color theme="1"/>
        <rFont val="Verdana"/>
        <family val="2"/>
      </rPr>
      <t>Contractor</t>
    </r>
    <r>
      <rPr>
        <b/>
        <sz val="10"/>
        <color theme="1"/>
        <rFont val="Verdana"/>
        <family val="2"/>
      </rPr>
      <t xml:space="preserve"> OR</t>
    </r>
    <r>
      <rPr>
        <sz val="10"/>
        <color theme="1"/>
        <rFont val="Verdana"/>
        <family val="2"/>
      </rPr>
      <t xml:space="preserve">                                    A- General Engineering Contractor </t>
    </r>
    <r>
      <rPr>
        <b/>
        <sz val="10"/>
        <color theme="1"/>
        <rFont val="Verdana"/>
        <family val="2"/>
      </rPr>
      <t xml:space="preserve">OR  </t>
    </r>
    <r>
      <rPr>
        <sz val="10"/>
        <color theme="1"/>
        <rFont val="Verdana"/>
        <family val="2"/>
      </rPr>
      <t xml:space="preserve">       C-32 Parking &amp; Highway Improvement Contractor – CSLB</t>
    </r>
  </si>
  <si>
    <r>
      <t xml:space="preserve">C-32 Parking &amp; Highway Improvement Contractor </t>
    </r>
    <r>
      <rPr>
        <b/>
        <sz val="11"/>
        <color theme="1"/>
        <rFont val="Verdana"/>
        <family val="2"/>
      </rPr>
      <t>OR</t>
    </r>
    <r>
      <rPr>
        <sz val="11"/>
        <color theme="1"/>
        <rFont val="Verdana"/>
        <family val="2"/>
      </rPr>
      <t xml:space="preserve">  A-General Engineering Contractor </t>
    </r>
    <r>
      <rPr>
        <b/>
        <sz val="11"/>
        <color theme="1"/>
        <rFont val="Verdana"/>
        <family val="2"/>
      </rPr>
      <t>OR</t>
    </r>
    <r>
      <rPr>
        <sz val="11"/>
        <color theme="1"/>
        <rFont val="Verdana"/>
        <family val="2"/>
      </rPr>
      <t xml:space="preserve">
C-12 Earthwork &amp; Paving Contractor - CSLB</t>
    </r>
  </si>
  <si>
    <r>
      <t xml:space="preserve">C-32 Parking &amp; Highway Improvement Contractor </t>
    </r>
    <r>
      <rPr>
        <b/>
        <sz val="10"/>
        <color theme="1"/>
        <rFont val="Verdana"/>
        <family val="2"/>
      </rPr>
      <t>OR</t>
    </r>
    <r>
      <rPr>
        <sz val="10"/>
        <color theme="1"/>
        <rFont val="Verdana"/>
        <family val="2"/>
      </rPr>
      <t xml:space="preserve"> A-General Engineering Contractor - CSLB</t>
    </r>
  </si>
  <si>
    <r>
      <t>C-13 Fencing</t>
    </r>
    <r>
      <rPr>
        <b/>
        <sz val="10"/>
        <color theme="1"/>
        <rFont val="Verdana"/>
        <family val="2"/>
      </rPr>
      <t xml:space="preserve"> </t>
    </r>
    <r>
      <rPr>
        <sz val="10"/>
        <color theme="1"/>
        <rFont val="Verdana"/>
        <family val="2"/>
      </rPr>
      <t>Contractor</t>
    </r>
    <r>
      <rPr>
        <b/>
        <sz val="10"/>
        <color theme="1"/>
        <rFont val="Verdana"/>
        <family val="2"/>
      </rPr>
      <t xml:space="preserve"> OR</t>
    </r>
    <r>
      <rPr>
        <sz val="10"/>
        <color theme="1"/>
        <rFont val="Verdana"/>
        <family val="2"/>
      </rPr>
      <t xml:space="preserve">                                    A- General Engineering Contractor </t>
    </r>
    <r>
      <rPr>
        <b/>
        <sz val="10"/>
        <color theme="1"/>
        <rFont val="Verdana"/>
        <family val="2"/>
      </rPr>
      <t xml:space="preserve">OR </t>
    </r>
    <r>
      <rPr>
        <sz val="10"/>
        <color theme="1"/>
        <rFont val="Verdana"/>
        <family val="2"/>
      </rPr>
      <t xml:space="preserve">        C-32 Parking &amp; Highway Improvement Contractor – CSLB</t>
    </r>
  </si>
  <si>
    <t>238190- Other Foundation, Structure, and Building Exterior Contractors</t>
  </si>
  <si>
    <t>211120 – Crude Petroleum Extraction</t>
  </si>
  <si>
    <t>211130 – Natural Gas Extraction</t>
  </si>
  <si>
    <t>211130 - Natural Gas Extraction</t>
  </si>
  <si>
    <t>212230- Copper, Nickel, Lead, and Zinc Mining</t>
  </si>
  <si>
    <r>
      <t>236115 -</t>
    </r>
    <r>
      <rPr>
        <sz val="11"/>
        <color rgb="FF000000"/>
        <rFont val="Verdana"/>
        <family val="2"/>
      </rPr>
      <t xml:space="preserve"> New Single-Family Housing Construction (except For-Sale Builders)</t>
    </r>
  </si>
  <si>
    <t>236116- New Multi- Family Housing Construction (except For-Sale Builders)</t>
  </si>
  <si>
    <t>311224 - Soybean and Other Oilseed Processing</t>
  </si>
  <si>
    <t>311314 - Cane Sugar Manufacturing</t>
  </si>
  <si>
    <t>3113351 - Chocolate and Confectionery Manufacturing from  Cacao Beans</t>
  </si>
  <si>
    <t>311352 - Confectionery Manufacturing from Purchased  Chocolate</t>
  </si>
  <si>
    <t>311710 - Seafood Product Preparation and Packaging</t>
  </si>
  <si>
    <t>311824 - Dry Pasta, Dough, and Flour Mixes Mfg from Purchased Flour</t>
  </si>
  <si>
    <t>312230- Tobacco Manufacturing</t>
  </si>
  <si>
    <t>312230 - Tobacco Manufacturing</t>
  </si>
  <si>
    <t>313110 - Fiber, Yarn, and Thread Mills</t>
  </si>
  <si>
    <t>313220 - Narrow Fabric Mills and Schiffli Machine Embroidery</t>
  </si>
  <si>
    <t>313240 - Knit Fabric Mills</t>
  </si>
  <si>
    <t>313310 - Textile and Fabric Finishing Mills</t>
  </si>
  <si>
    <t>314120 - Curtain and Linen Mills</t>
  </si>
  <si>
    <t>314910 - Textile Bag and Canvas Mills</t>
  </si>
  <si>
    <t>314994 - Rope, Cordage, Twine, Tire Cord, and Tire Fabric Mills</t>
  </si>
  <si>
    <t>315110 - Hosiery and Sock Mills</t>
  </si>
  <si>
    <t>315190 - Other Apparel Knitting Mills</t>
  </si>
  <si>
    <t>315210 - Cut and Sew Apparel Contractors</t>
  </si>
  <si>
    <t>315210 -Cut and Sew Apparel Contractors</t>
  </si>
  <si>
    <t>315220 - Men’s and Boys’ Cut and Sew Apparel Manufacturing</t>
  </si>
  <si>
    <t>315220 - Men's and Boys' Cut and Sew Apparel Manufacturing</t>
  </si>
  <si>
    <t>3152203 - Men’s and Boys’ Cut and Sew Apparel Manufacturing</t>
  </si>
  <si>
    <t>315240 - Women’s and Girls’ Cut and Sew Apparel Manufacturing</t>
  </si>
  <si>
    <t>315280 - Other Cut and Sew Apparel Manufacturing</t>
  </si>
  <si>
    <t>315990 - Apparel Accessories and Other Apparel Manufacturing</t>
  </si>
  <si>
    <t>315210 - Cut and Sew Apparel Contractors
315212 - Women’s, Girls’, and Infants’ Cut and Sew Apparel Contractors
315990 - Apparel Accessories and Other Apparel Manufacturing</t>
  </si>
  <si>
    <t>316210 - Footwear Manufacturing</t>
  </si>
  <si>
    <t>316998 - All Other Leather Good and Allied Product Manufacturing</t>
  </si>
  <si>
    <t>322220 - Paper Bag and Coated and Treated Paper Manufacturing</t>
  </si>
  <si>
    <t>322219 - Other Paperboard Container Manufacturing</t>
  </si>
  <si>
    <t>322211 - Corrugated and Solid Fiber Box Manufacturing     
322212 - Folding Paperboard Box Manufacturing
322219 - Other Paperboard Container Manufacturing
322220 - Paper Bag and Coated and Treated Paper Manufacturing
322230 - Stationery Product Manufacturing
322291 - Sanitary Paper Product Manufacturing
322299 - All Other Converted Paper Product Manufacturing
326111 - Plastics Bag Manufacturing
326112 - Plastics Packaging Film and Sheet (including Laminated) Manufacturing</t>
  </si>
  <si>
    <t>323111 - Commercial Printing (except Screen and Books)</t>
  </si>
  <si>
    <t>323120 - Support Activities for Printing</t>
  </si>
  <si>
    <t>325130 - Synthetic Dye and Pigment Manufacturing</t>
  </si>
  <si>
    <t>325180 - Other Basic Inorganic Chemical Manufacturing</t>
  </si>
  <si>
    <t>325194 - Cyclic Crude, Intermediate, and Gum and Wood Chemical Manufacturing</t>
  </si>
  <si>
    <t>325220 - Artificial and Synthetic Fibers and Filaments Manufacturing</t>
  </si>
  <si>
    <t>314120 - Curtain and Linen Mills
327110 - Pottery, Ceramics, and Plumbing Fixture Manufacturing
337121 - Upholstered Household Furniture Manufacturing
337122 - Nonupholstered Wood Household Furniture Manufacturing
337110 - Wood Kitchen Cabinet and Countertop Manufacturing
423210 - Furniture Merchant Wholesalers
442210 - Home Furnishings Stores
442291 - Window Treatment Stores
442299 - All Other Home Furnishings Stores
451130 - Sewing, Needlework, and Piece Goods Stores</t>
  </si>
  <si>
    <t>327110 - Pottery, Ceramics, and Plumbing Fixture Manufacturing</t>
  </si>
  <si>
    <t>327120 - Clay Building Material and Refractories Manufacturing</t>
  </si>
  <si>
    <t>331110 - Iron and Steel Mills and Ferroalloy Manufacturing</t>
  </si>
  <si>
    <t>331313 - Alumina Refining and Primary Aluminum Production</t>
  </si>
  <si>
    <t>331410 - Nonferrous Metal (except Aluminum) Smelting and Refining</t>
  </si>
  <si>
    <t>331420 - Copper Rolling, Drawing, Extruding, and Alloying</t>
  </si>
  <si>
    <t>331523 - Nonferrous Metal Die-Casting Foundries</t>
  </si>
  <si>
    <t>331529 - Other Nonferrous Metal Foundries (except Die- Casting)</t>
  </si>
  <si>
    <t>332119 - Metal Crown, Closure, and Other Metal Stamping (except Automotive)</t>
  </si>
  <si>
    <t>332215 - Metal Kitchen Cookware, Utensil, Cutlery, and Flatware (except Precious) Manufacturing</t>
  </si>
  <si>
    <t>332216 - Saw Blade and Handtool Manufacturing</t>
  </si>
  <si>
    <t>332216 - Saw Blade and HandTool Manufacturing</t>
  </si>
  <si>
    <t>332613 - Spring Manufacturing</t>
  </si>
  <si>
    <t>332994 - Small Arms, Ordinance, and Ordinance Accessories Manufacturing</t>
  </si>
  <si>
    <t>333243 - Sawmill, Woodworking, and Paper Machinery Manufacturing</t>
  </si>
  <si>
    <t>333249 - Other Industrial Machinery Manufacturing</t>
  </si>
  <si>
    <t>333244 - Printing Machinery and Equipment Manufacturing</t>
  </si>
  <si>
    <t>333241 - Food Product Machinery Manufacturing</t>
  </si>
  <si>
    <t>333242 - Semiconductor Machinery Manufacturing</t>
  </si>
  <si>
    <t>333318 - Other Commercial and Service Industry Machinery Manufacturing</t>
  </si>
  <si>
    <t>333316 - Photographic and Photocopying Equipment Manufacturing</t>
  </si>
  <si>
    <t>333413 - Industrial and Commercial Fan and Blower and Air Purification Equipment Manufacturing</t>
  </si>
  <si>
    <t>333517 - Machine Tool Manufacturing</t>
  </si>
  <si>
    <t>333519 - Rolling Mill and Other Metalworking Machinery Manufacturing</t>
  </si>
  <si>
    <t>333997 - Scale and Balance Manufacturing</t>
  </si>
  <si>
    <t>334118 - Computer Terminal and Other Computer Peripheral Equipment Manufacturing</t>
  </si>
  <si>
    <t>334419 - Other Electron Component Manufacturing</t>
  </si>
  <si>
    <t>334416 - Capacitor, Resistor, Coil, Transformer, and Other Inductor Manufacturing</t>
  </si>
  <si>
    <t>333314 - Optical Instrument and Lens Manufacturing
334511 - Search, Detection, Navigation, Guidance, Aeronautical, and  Nautical System and Instrument Manufacturing
334512 - Automatic Environmental Control Manufacturing for Residential, Commercial, and Appliance Use
334513 - Instruments and Related Products Manufacturing for Measuring, Displaying, and Controlling Industrial Process Variables
334514 - Totalizing Fluid Meter and Counting Device Manufacturing
334515 - Instrument Manufacturing for Measuring and Testing Electricity and Electrical Signals
334516 - Analytical Laboratory Instrument Manufacturing
334519 - Other Measuring and Controlling Device Manufacturing
334519 - Other Measuring and Controlling Device Manufacturing</t>
  </si>
  <si>
    <t>334614 - Software and Other Prerecorded Compact Disc, Tape, and Record Reproducing
511210 -  Software Publishers</t>
  </si>
  <si>
    <t>334614 - Software and Other Prerecorded Compact Disc, Tape, and Record Reproducing</t>
  </si>
  <si>
    <t>335210 - Small Electrical Appliance Manufacturing</t>
  </si>
  <si>
    <t>335220 - Major Household Appliance Manufacturing</t>
  </si>
  <si>
    <t>336310 - Motor Vehicle Gasoline Engine and Engine Parts Manufacturing</t>
  </si>
  <si>
    <t xml:space="preserve">336310 - Motor Vehicle Gasoline Egine and Engine Parts Manufacturing                                                                    334519 - Other Measuring and Controlling Device Manufacturing. </t>
  </si>
  <si>
    <t>336320 - Motor Vehicle Electrical and Electronic Equipment Manufacturing</t>
  </si>
  <si>
    <t>336390 - Other Motor Vehicle Parts Manufacturing</t>
  </si>
  <si>
    <t>333924 - Industrial Truck, Tractor, Trailer, and Stacker Machinery Manufacturing
336214 - Travel Trailer and Camper Manufacturing
336390 - Other Motor Vehicle Parts Manufacturing
336992 - Military Armored Vehicle, Tank, and Tank Component Manufacturing
336999 - All Other Transportation Equipment Manufacturing</t>
  </si>
  <si>
    <t>321999 - All Other Miscellaneious Wood Manufacturing</t>
  </si>
  <si>
    <t>339910 - Jewelry and Silverware Manufacturing</t>
  </si>
  <si>
    <t>339910 - Jewelry, and Silverware Manufacturing</t>
  </si>
  <si>
    <t>316992 - Women's Handbag and Purse Manufacturing
316998 - All Other Leather Good and Allied Product Manufacturing
339910 - Jewelry and Silverware Manufacturing</t>
  </si>
  <si>
    <t>339930 - Doll, Toy, and Game Manufacturing</t>
  </si>
  <si>
    <t>339940 - Office Supplies (except Paper) Manufacturing</t>
  </si>
  <si>
    <t>441228- Motorcycle, ATV, and All Other Motor Vehicle Dealers</t>
  </si>
  <si>
    <t>443141- Household Appliance Stores</t>
  </si>
  <si>
    <t>443142- Electronics Stores</t>
  </si>
  <si>
    <t>339113 - Surgical Appliance and Supplies Manufacturing
339115 - Ophthalmic Goods Manufacturing
443142 - Electronics Stores
446120 - Cosmetics, Beauty Supplies, and Perfume Stores
446130 - Optical Goods Stores
446199 - All Other Health and Personal Care Stores
451212 - News Dealers and Newsstands
453910 - Pet and Pet Supplies Stores
453920 - Art Dealers
453991 - Tobacco Stores
453998 - All Other Miscellaneous Store Retailers (except Tobacco Stores)</t>
  </si>
  <si>
    <t>443142 - Electronics Stores
532420 - Office Machinery and Equipment Rental and Leasing</t>
  </si>
  <si>
    <t>443142 - Electronics Stores
448310 - Jewelry Stores
448320 - Luggage and Leather Goods Stores
451110 - Sporting Goods Stores
451120 - Hobby, Toy, and Game Stores
451130 - Sewing, Needlework, and Piece Goods Stores
453210 - Office Supplies and Stationery Stores
451211 - Book Stores
453220 - Gift, Novelty, and Souvenir Stores</t>
  </si>
  <si>
    <t xml:space="preserve">423210 - Furniture Merchant Wholesalers
452210 - Department Stores
</t>
  </si>
  <si>
    <t>423210 - Furniture Merchant Wholesalers
452319 - All Other General Merchandise Stores</t>
  </si>
  <si>
    <t>452319 - All Other General Merchandise Stores</t>
  </si>
  <si>
    <t>454110 - Electronic Shopping and Mail-Order Houses
454210 - Vending Machine Operators
454390 - Other Direct Selling Establishments
722330 - Mobile Food Services</t>
  </si>
  <si>
    <t xml:space="preserve">454310 - Fuel Dealers
</t>
  </si>
  <si>
    <t>492110 - Couriers and Express Delivery Services</t>
  </si>
  <si>
    <t>512250 - Record Production and Distribution</t>
  </si>
  <si>
    <t>517311 - Wired Telecommunications Carriers</t>
  </si>
  <si>
    <t>515210 - Cable and Other Subscription Programming
517311 - Wired Telecommunications Carriers</t>
  </si>
  <si>
    <t>518210 - Data Processing, Hosting, and Related Services
517311 - Wired Telecommunications Carriers
541513 - Computer Facilities Management Services</t>
  </si>
  <si>
    <t>517312 - Wireless Telecommunications Carriers (except Satellite)</t>
  </si>
  <si>
    <t>532281 - Formal Wear and Costume Rental
541990 - All Other Professional, Scientific, and Technical Services
561311 - Employment Placement Agencies
561990 - All Other Support Services
812191 - Diet and Weight Reducing  Centers
812199 - Other Personal Care Services
812990 - All Other Personal Services</t>
  </si>
  <si>
    <t>532282 - Video Tape and Disc Rental</t>
  </si>
  <si>
    <t>532210 - Consumer Electronics and Appliances Rental
532283 - Home Health Equipment Rental
532284 - Recreational Goods Rental
532310 - General Rental Centers
532411 - Commercial Air, Rail, and Water Transportation Equipment Rental and Leasing
532412 - Construction, Mining, and Forestry Machinery and Equipment Rental and Leasing
532420 - Office Machinery and Equipment Rental and Leasing
532490 - Other Commercial and Industrial Machinery and Equipment Rental and Leasing</t>
  </si>
  <si>
    <t>541690 - Other Scientific and Technical Consulting Services
541715 - Research and Development in the Physical, Engineering, and Life Sciences (except Nanotechnology and Biotechnology)</t>
  </si>
  <si>
    <t>541715 - Research and Development in the Physical, Engineering, and Life Sciences (except Nanotechnology and Biotechnology)</t>
  </si>
  <si>
    <t>541715- Research and Development in the Physical, Engineering, and Life Sciences (except Nanotechnology and Biotechnology)</t>
  </si>
  <si>
    <t>541713 - Research and Development in Nanotechnology
541715 - Research and Development in the Physical, Engineering, and Life Sciences (except Nanotechnology and Biotechnology)
541910 - Marketing Research and Public Opinion Polling</t>
  </si>
  <si>
    <t>541810 - Advertising Agencies
541840 - Media Representatives
541850 - Outdoor Advertising
541870 - Advertising Material Distribution Services
541890 - Other Services Related to Advertising</t>
  </si>
  <si>
    <t>623210 - Residential Intellectual and Developmental Disability Facilities
623220 - Residential Mental Health and Substance Abuse Facilities
623312 - Homes for the Elderly
623990 - Other Residential Care Facilities</t>
  </si>
  <si>
    <t>623110 - Nursing Care Facilities (Skilled Nursing Facilities)
623210 - Residential Intellectual and Developmental Disability Facilities
623311 - Continuing Care Retirement Communities</t>
  </si>
  <si>
    <t>721310 - Rooming and Boarding Houses, Dormitories, and Workers' Camps</t>
  </si>
  <si>
    <t>722511 - Full- Service Restaurants</t>
  </si>
  <si>
    <t>722513 - Limited- Service Restaurants</t>
  </si>
  <si>
    <t>722514 - Cafeterias, Grill Buffets, and Buffes</t>
  </si>
  <si>
    <t>722515 - Snack and Nonalcoholic Beverage Bars</t>
  </si>
  <si>
    <r>
      <t xml:space="preserve">C-32 Parking and Highway Improvement Coordinator </t>
    </r>
    <r>
      <rPr>
        <b/>
        <sz val="10"/>
        <color theme="1"/>
        <rFont val="Verdana"/>
        <family val="2"/>
      </rPr>
      <t>OR</t>
    </r>
    <r>
      <rPr>
        <sz val="10"/>
        <color theme="1"/>
        <rFont val="Verdana"/>
        <family val="2"/>
      </rPr>
      <t xml:space="preserve"> A-General Engineering Contractor  </t>
    </r>
    <r>
      <rPr>
        <b/>
        <sz val="10"/>
        <color theme="1"/>
        <rFont val="Verdana"/>
        <family val="2"/>
      </rPr>
      <t>OR</t>
    </r>
    <r>
      <rPr>
        <sz val="10"/>
        <color theme="1"/>
        <rFont val="Verdana"/>
        <family val="2"/>
      </rPr>
      <t xml:space="preserve"> C-12 Earthwork &amp; Paving Contractor - CSLB</t>
    </r>
  </si>
  <si>
    <t>Business establishments primarily engaged in wholesale of merchandise, including construction and electrical without owing a warehouse.</t>
  </si>
  <si>
    <t>541310 - Architectural Services OR 541330 Engineering Services OR 236210 - Industrial Buildling Construction</t>
  </si>
  <si>
    <t>J9211</t>
  </si>
  <si>
    <t>IH - Industrial Hygienist</t>
  </si>
  <si>
    <t>561920-Convention and Trade Show Organizers</t>
  </si>
  <si>
    <t>541611- Administrative Management and General Management Consulting Services         541618 - Other Management Consulting Services</t>
  </si>
  <si>
    <t>SEARCH &amp; NAVIGATION EQUIPMENT</t>
  </si>
  <si>
    <r>
      <t xml:space="preserve">A-General Engineering </t>
    </r>
    <r>
      <rPr>
        <b/>
        <sz val="10"/>
        <color theme="1"/>
        <rFont val="Verdana"/>
        <family val="2"/>
      </rPr>
      <t>OR</t>
    </r>
    <r>
      <rPr>
        <sz val="10"/>
        <color theme="1"/>
        <rFont val="Verdana"/>
        <family val="2"/>
      </rPr>
      <t xml:space="preserve"> 
C-12 Earthwork &amp; Paving Contractor - CSLB</t>
    </r>
  </si>
  <si>
    <t>C-31 Construction Zone Traffice Control Contractor-CSLB OR A-General Engineering Contracotr-CSLB</t>
  </si>
  <si>
    <t>561990 - All Other Support Services 
238990 - All Other Specialty Trade Contractors</t>
  </si>
  <si>
    <t xml:space="preserve">561990 - All Other Support Services 
</t>
  </si>
  <si>
    <t>The column titles for this worksheet are in row 3. They span cells C3. The data spans cells C4 through C34. There is information in every cell for column C.  If you are not using a screen reader, you can press Alt + R, T for the Review Ribbon, Edit Comment to move to and open a Comment once you are on a cell with a Comment. When you are finished reading the Comment, press Escape to close the comment and return to the worksheet. If you are using the JAWS screen reader, press Ctrl + Shift + Apostrophe to get a list of Comments and their cell coordinates in the worksheet. Press Enter on the Comment you want to go to or Escape once you’ve read the Comment for a cell. You are returned to the workbook. Note that there is no keyboard command with JAWS to reread Comments or read Comments once you are on them in a cell. You must use the ability to list Comments in order to read them if you are using the JAWS screen reader. </t>
  </si>
  <si>
    <t xml:space="preserve">The column titles for this worksheet are in row 2. They span cells A2 through B2. The data spans cells A3 through B276. There is information in every cell for column A through B.  If you are not using a screen reader, you can press Alt + R, T for the Review Ribbon, Edit Comment to move to and open a Comment once you are on a cell with a Comment. When you are finished reading the Comment, press Escape to close the comment and return to the worksheet. If you are using the JAWS screen reader, press Ctrl + Shift + Apostrophe to get a list of Comments and their cell coordinates in the worksheet. Press Enter on the Comment you want to go to or Escape once you’ve read the Comment for a cell. You are returned to the workbook. Note that there is no keyboard command with JAWS to reread Comments or read Comments once you are on them in a cell. You must use the ability to list Comments in order to read them if you are using the JAWS screen reader. </t>
  </si>
  <si>
    <t xml:space="preserve">The column titles for this worksheet are in row 2. They span cells A2 through E2. The data spans cells A3 through E38. There is information in every cell for column A through E.  If you are not using a screen reader, you can press Alt + R, T for the Review Ribbon, Edit Comment to move to and open a Comment once you are on a cell with a Comment. When you are finished reading the Comment, press Escape to close the comment and return to the worksheet. If you are using the JAWS screen reader, press Ctrl + Shift + Apostrophe to get a list of Comments and their cell coordinates in the worksheet. Press Enter on the Comment you want to go to or Escape once you’ve read the Comment for a cell. You are returned to the workbook. Note that there is no keyboard command with JAWS to reread Comments or read Comments once you are on them in a cell. You must use the ability to list Comments in order to read them if you are using the JAWS screen reader. </t>
  </si>
  <si>
    <t xml:space="preserve">The column titles for this worksheet are in row 2. They span cells A2 through E2. The data spans cells A3 through E80. There is information in every cell for column A through E.  If you are not using a screen reader, you can press Alt + R, T for the Review Ribbon, Edit Comment to move to and open a Comment once you are on a cell with a Comment. When you are finished reading the Comment, press Escape to close the comment and return to the worksheet. If you are using the JAWS screen reader, press Ctrl + Shift + Apostrophe to get a list of Comments and their cell coordinates in the worksheet. Press Enter on the Comment you want to go to or Escape once you’ve read the Comment for a cell. You are returned to the workbook. Note that there is no keyboard command with JAWS to reread Comments or read Comments once you are on them in a cell. You must use the ability to list Comments in order to read them if you are using the JAWS screen reader. </t>
  </si>
  <si>
    <t xml:space="preserve">The column titles for this worksheet are in row 2. They span cells A2 through E2. The data spans cells A3 through E25. There is information in every cell for column A through E.  If you are not using a screen reader, you can press Alt + R, T for the Review Ribbon, Edit Comment to move to and open a Comment once you are on a cell with a Comment. When you are finished reading the Comment, press Escape to close the comment and return to the worksheet. If you are using the JAWS screen reader, press Ctrl + Shift + Apostrophe to get a list of Comments and their cell coordinates in the worksheet. Press Enter on the Comment you want to go to or Escape once you’ve read the Comment for a cell. You are returned to the workbook. Note that there is no keyboard command with JAWS to reread Comments or read Comments once you are on them in a cell. You must use the ability to list Comments in order to read them if you are using the JAWS screen reader. </t>
  </si>
  <si>
    <t>C8407</t>
  </si>
  <si>
    <t>C8767</t>
  </si>
  <si>
    <t>GIS Modeling</t>
  </si>
  <si>
    <t xml:space="preserve">Subsealing and jacking using grout to fill voids under existing concrete pavement, which includes drilling holes through existing concrete pavement, injecting grout, cleaning, filling the drilled holes with mortar or concrete.
</t>
  </si>
  <si>
    <t>A concrete contractor forms, pours, places, finishes for constructing concrete structures.</t>
  </si>
  <si>
    <t xml:space="preserve">Furnish precast concrete elements such as girders, piles, deck panels, and pavement are being used on Caltrans projects.  Constructing precast concrete members are typically fabricated off-site and then transported and erected into final position at the jobsite.   </t>
  </si>
  <si>
    <t>Erecting precast concrete members includes procedures, details, and sequences for unloading, lifting, and erecting members into final position in the work.  Utilizes either one crane or two cranes with crane operator.</t>
  </si>
  <si>
    <t xml:space="preserve">Jacked corrugated steel pipe installation is a trenchless construction method where the pipe is jacked into an augered hole in segments and then connected together by welding or by threaded and coupled ends.
</t>
  </si>
  <si>
    <t>332996 Fabricated Pipe and Pipe Fitting Manufacturing</t>
  </si>
  <si>
    <t>Furnishing includes fabricating and constructing of structural metal pipe plate, arches, and pipe arches</t>
  </si>
  <si>
    <t>Expansion joint armor in steel structures, bearing assemblies, equalizing bolts and expansion joint armor in concrete structures.
Structural steel and cast steel portions of bearing plates, bars, rockers, assemblies, and other expansion or fixed bearing devices in concrete structures</t>
  </si>
  <si>
    <t>REMOVE PAVEMENT MARKING &amp; TRAFFIC STRIPES</t>
  </si>
  <si>
    <t xml:space="preserve">C32 - PARKING AND HIGHWAY IMPROVEMENT </t>
  </si>
  <si>
    <t xml:space="preserve">REINFORCED CONCRETE CRIB WALL </t>
  </si>
  <si>
    <r>
      <t xml:space="preserve">D-12 Synthetic Products Contractor </t>
    </r>
    <r>
      <rPr>
        <b/>
        <sz val="11"/>
        <color theme="1"/>
        <rFont val="Verdana"/>
        <family val="2"/>
      </rPr>
      <t>OR</t>
    </r>
    <r>
      <rPr>
        <sz val="11"/>
        <color theme="1"/>
        <rFont val="Verdana"/>
        <family val="2"/>
      </rPr>
      <t xml:space="preserve">                                     
 A- General Engineering Contractor - CSLB</t>
    </r>
  </si>
  <si>
    <t xml:space="preserve">JUNCTION CHAMBER
</t>
  </si>
  <si>
    <t xml:space="preserve">CONCRETED-ROCK SLOPE PROTECTION
</t>
  </si>
  <si>
    <t xml:space="preserve">MISC IRON &amp; STEEL FRAME, COVER &amp; GRATE
</t>
  </si>
  <si>
    <t>installation or repair of any equipment used on loading docks</t>
  </si>
  <si>
    <t>Installation or repair of any door.</t>
  </si>
  <si>
    <t>Land Surveyor - California Board for Professional Engineers, Land Surveyors, &amp; Geologists</t>
  </si>
  <si>
    <t>One skilled in staking construction sites. Must be licensed by the State in which they work.</t>
  </si>
  <si>
    <t>Install construction area signs include all temporary signs required for the direction of traffic through or within the project limits and general information (funding) signs.</t>
  </si>
  <si>
    <t>This involves placing and removing lane closures including: orange traffic cones, plastic traffic drums, barricades or other temporary devices to delineate traffic through work area.  Places traffic equipment at construction site such as arrow boards, PCMS, speed radar enforcement.</t>
  </si>
  <si>
    <t>SAND BEDDING</t>
  </si>
  <si>
    <t>The trench may be excavated below the bottom of the culvert and the sand bedding constructed by backfilling and compacting culvert backfill material to the grade and shape.</t>
  </si>
  <si>
    <t>FURNISH PRECAST CONCRETE MEMBER</t>
  </si>
  <si>
    <t>ERECT PRECAST CONCRETE MEMBER</t>
  </si>
  <si>
    <t>For constructing, sealing, and protecting joints in concrete structures.  Place premolded or expanded polystyrene joint filler in position before placing concrete. Verticle water stop for retaining wall.</t>
  </si>
  <si>
    <t xml:space="preserve">Furnishing and installing circular or oval shaped reinforced concrete pipe or reinforced concrete pipe arch for culverts, siphons, drains and conduits. Typically precast products.
</t>
  </si>
  <si>
    <t>CORRUGATED METAL PIPE (CMP)</t>
  </si>
  <si>
    <t>Furnishing includes fabricating and constructing of corrugated metal pipe (CMP) for drains, siphons, and slotted pipe.
Corrugated metal pipe (CMP) must be corrugated aluminum pipe or corrugated steel pipe (CSP) as described.</t>
  </si>
  <si>
    <t>237110 - Water and Sewer Line and Related Structures Construction
332996 Fabricated Pipe and Pipe Fitting Manufacturing</t>
  </si>
  <si>
    <t xml:space="preserve">JACKED CORRUGATED STEEL PIPE
OR WELDED STEEL PIPE
</t>
  </si>
  <si>
    <r>
      <t xml:space="preserve">C-34 - Pipeline Contractor </t>
    </r>
    <r>
      <rPr>
        <b/>
        <sz val="11"/>
        <rFont val="Verdana"/>
        <family val="2"/>
      </rPr>
      <t>OR</t>
    </r>
    <r>
      <rPr>
        <sz val="11"/>
        <rFont val="Verdana"/>
        <family val="2"/>
      </rPr>
      <t xml:space="preserve">                              A-General Engineering Contractor - CSLB                                              C-42 Sanitation System Contractor </t>
    </r>
  </si>
  <si>
    <t>238120 - Structural Steel and Precast Concrete Contractors
332996 Fabricated Pipe and Pipe Fitting Manufacturing</t>
  </si>
  <si>
    <t>Commonly referred to as a “French” or “curtain” drain, utilized in the protection of groundwater &amp; septic systems.
A subsurface drain is a perforated pipe, installed below the ground surface to intercept, collect, and/or convey drainage water, to remove excess water from soil.</t>
  </si>
  <si>
    <t>A common solution to stabilize hillslopes is installation of horizontal drains to decrease the elevation of the water table surface, thereby decreasing the probability of slope failure.</t>
  </si>
  <si>
    <t>Filter fabric is used to separate larger granular material for drainage from finer material in the growing media.  This geotextile material is water permeable and prevent debris from entering and clogging the drainage systems.</t>
  </si>
  <si>
    <t>Permeable material for use in backfilling trenches under, around, and over underdrains must consist of hard, durable, clean sand, gravel, or crushed stone and must be free from organic material, clay balls, or other deleterious substances.  Example of permeable material includes asphalt treated permeable material (ATPB) or cement treated permeable (CTP) material complying, treated permeable bases (TPB) and blanket.</t>
  </si>
  <si>
    <t>Pipe designed to carry water runoff from roads and shoulders.
A downdrain is a type of drain used to collect surface runoff from roadway and shoulder.</t>
  </si>
  <si>
    <t>Fabricating and welding pipe into lengths, then thoroughly cleaned of dirt, oil, grease, loose scale and other foreign material.  Installing drainage facilities with welded steel pipe pipe include:  Energy dissipators, Inlets, Risers, Reducers and Manholes.</t>
  </si>
  <si>
    <r>
      <t xml:space="preserve">C-34 - Pipeline Contractor </t>
    </r>
    <r>
      <rPr>
        <b/>
        <sz val="10"/>
        <rFont val="Verdana"/>
        <family val="2"/>
      </rPr>
      <t>OR</t>
    </r>
    <r>
      <rPr>
        <sz val="10"/>
        <rFont val="Verdana"/>
        <family val="2"/>
      </rPr>
      <t xml:space="preserve">                                C-42 - Sanitation System Contractor - CSLB</t>
    </r>
  </si>
  <si>
    <t>331210 - Iron and Steel Pipe and Tube Manufacturing from Purchased Steel
332996 Fabricated Pipe and Pipe Fitting Manufacturing
237110 - Water and Sewer Line and Related Structures Construction</t>
  </si>
  <si>
    <t>Converging section of a sewer used to facilitate the flow from one or more sewers into a main sewer.
Section in a sewer system where the flow from one or more sewers joins or converges into a main sewer.</t>
  </si>
  <si>
    <t>ROCK SLOPE PROTECTION (RSP)</t>
  </si>
  <si>
    <t xml:space="preserve">Type of rock slope protection consists of rock or concrete.
A layer of rock, riprap, or boulders designed and placed to protect and stabilize slope areas subject to erosion.  Work consists of footing excavation, place rocks and fill voids in the footing trench. </t>
  </si>
  <si>
    <t>Consists of placing concreted‑rock courses on slopes.
Work consists of footing excavation, place colored concrete and fill voids in the footing trench.</t>
  </si>
  <si>
    <t>Construction Environmentally Sensitive Area (ESA) fencing, Temp cyclone fencing 
Typical temporary fencing includes high-visibility fence for Environmental Sensitive Area (Type ESA), temporary chain link fence.</t>
  </si>
  <si>
    <t xml:space="preserve">Furnishing and installing markers and delineators. (P-Marker, R-Marker, Mile Marker)
</t>
  </si>
  <si>
    <t>Furnish and install rail elements, end caps, and return caps, steel posts or wood posts and bolts, nuts, and other fittings.</t>
  </si>
  <si>
    <t>METAL RAILING
(include handrailing, cable railing, bicycle railing)</t>
  </si>
  <si>
    <t>CONCRETE BARRIER (PERMANENT)
(all concrete barrier types)</t>
  </si>
  <si>
    <t xml:space="preserve">Concrete barrier work includes: Bar reinforcing steel, including the length that extends from the barrier into decks, walls, footings and median.  
</t>
  </si>
  <si>
    <t xml:space="preserve">PAINTED TRAFFIC STRIPING &amp; MARKING
</t>
  </si>
  <si>
    <r>
      <t xml:space="preserve">Furnishing and placing pavement markers and constructing pavement recesses. </t>
    </r>
    <r>
      <rPr>
        <sz val="11"/>
        <rFont val="Verdana"/>
        <family val="2"/>
      </rPr>
      <t>Placing pavement markers including nonreflective, reflective and retroreflective.</t>
    </r>
  </si>
  <si>
    <t>236115 - New Single-Family Housing Construction (except For-Sale Builders)              
236220- Commercial and Institutional Building Construction</t>
  </si>
  <si>
    <t>236118 - Residential Remodelers                          236220 - Commercial and Institutional Building Construction</t>
  </si>
  <si>
    <t>532412 Construction, Mining, and Forestry Machinery and Equipment Rental and Leasing</t>
  </si>
  <si>
    <t xml:space="preserve">IRRIGATION SYSTEM
</t>
  </si>
  <si>
    <t xml:space="preserve">Consists of constructing concrete pavement  on a prepared sub grade.
</t>
  </si>
  <si>
    <t xml:space="preserve">C5180
See C5135
</t>
  </si>
  <si>
    <t>Constructing cast‑in‑place portland cement concrete survey monuments at the locations shown on the plans or directed by the Engineer.
Constructing survey monuments by placing the survey marker disk before the concrete sets up.  Firmly embed the disk in the concrete.</t>
  </si>
  <si>
    <r>
      <t xml:space="preserve">C-8 Concrete Contractor </t>
    </r>
    <r>
      <rPr>
        <b/>
        <sz val="10"/>
        <rFont val="Verdana"/>
        <family val="2"/>
      </rPr>
      <t xml:space="preserve"> AND</t>
    </r>
    <r>
      <rPr>
        <sz val="10"/>
        <rFont val="Verdana"/>
        <family val="2"/>
      </rPr>
      <t xml:space="preserve">                                  
</t>
    </r>
    <r>
      <rPr>
        <strike/>
        <sz val="10"/>
        <rFont val="Verdana"/>
        <family val="2"/>
      </rPr>
      <t xml:space="preserve"> </t>
    </r>
    <r>
      <rPr>
        <sz val="10"/>
        <rFont val="Verdana"/>
        <family val="2"/>
      </rPr>
      <t xml:space="preserve">
Surveyor's license </t>
    </r>
  </si>
  <si>
    <t>Generally used for freeway or highway median applications and can be installed with either wood or steel posts.
Rail elements, end caps, and return caps, steel posts or wood posts and bolts, nuts, and other fittings.</t>
  </si>
  <si>
    <t xml:space="preserve">METAL BEAM BARRIER
</t>
  </si>
  <si>
    <t>Installation of traffic signals.</t>
  </si>
  <si>
    <t>Installation of street lights and highway lighting.</t>
  </si>
  <si>
    <t xml:space="preserve">TRAFFIC COUNT STATION
</t>
  </si>
  <si>
    <t>236116- New Multi- Family Housing Construction (except For-Sale Builders)                                                  236220- Commercial and Institutional Building Construction</t>
  </si>
  <si>
    <t xml:space="preserve">C9811
</t>
  </si>
  <si>
    <t>CUTTING CONCRETE or
EXCAVATION</t>
  </si>
  <si>
    <t>Excavating of concerte or earthwork to lower a grade</t>
  </si>
  <si>
    <t>GROOVE &amp; GRIND CONCRETE PAVEMENT</t>
  </si>
  <si>
    <r>
      <t xml:space="preserve">C-12 Earthwork &amp; Paving Contractor </t>
    </r>
    <r>
      <rPr>
        <b/>
        <sz val="10"/>
        <color theme="1"/>
        <rFont val="Verdana"/>
        <family val="2"/>
      </rPr>
      <t xml:space="preserve">OR
</t>
    </r>
    <r>
      <rPr>
        <sz val="10"/>
        <color theme="1"/>
        <rFont val="Verdana"/>
        <family val="2"/>
      </rPr>
      <t>A- General Engineering Contractor-CSLB</t>
    </r>
  </si>
  <si>
    <r>
      <t xml:space="preserve">C-42 Sanitation System Contractor </t>
    </r>
    <r>
      <rPr>
        <b/>
        <sz val="11"/>
        <color theme="1"/>
        <rFont val="Verdana"/>
        <family val="2"/>
      </rPr>
      <t>OR</t>
    </r>
    <r>
      <rPr>
        <sz val="11"/>
        <color theme="1"/>
        <rFont val="Verdana"/>
        <family val="2"/>
      </rPr>
      <t xml:space="preserve"> 
A- General Engineering Contractor - CSLB</t>
    </r>
  </si>
  <si>
    <t>Common method of utilizing asphalt concrete pavement and concrete rubble as underlying material.  Reclaimed pavements are used as aggregate base material.</t>
  </si>
  <si>
    <t>Grooving and grinding the roadway surfaces of concrete pavement, bridge decks and approaching slabs.</t>
  </si>
  <si>
    <t xml:space="preserve">Operation of creating a concrete surface of a desired texture, smoothness &amp; durability. Finish can be strictly functional or decorative.
</t>
  </si>
  <si>
    <r>
      <rPr>
        <sz val="11"/>
        <rFont val="Verdana"/>
        <family val="2"/>
      </rPr>
      <t>C-8 Concrete Contractor</t>
    </r>
    <r>
      <rPr>
        <sz val="11"/>
        <color theme="1"/>
        <rFont val="Verdana"/>
        <family val="2"/>
      </rPr>
      <t xml:space="preserve"> </t>
    </r>
    <r>
      <rPr>
        <b/>
        <sz val="11"/>
        <color theme="1"/>
        <rFont val="Verdana"/>
        <family val="2"/>
      </rPr>
      <t>OR</t>
    </r>
    <r>
      <rPr>
        <sz val="11"/>
        <color theme="1"/>
        <rFont val="Verdana"/>
        <family val="2"/>
      </rPr>
      <t xml:space="preserve">        
 A- General Engineering Contractor - CSLB</t>
    </r>
  </si>
  <si>
    <t xml:space="preserve">238110 - Poured Concrete Foundation and Structure Contractors
</t>
  </si>
  <si>
    <t>C-60 Welding Contractor - CSLB</t>
  </si>
  <si>
    <t>Furnish and install masonry component units for structural load bearing and non-load bearing walls for structures and fences installed with or without mortar.</t>
  </si>
  <si>
    <t>Fabrication and construction of plastic pipe in drains, culverts, and over drains.</t>
  </si>
  <si>
    <t>MISC BRIDGE METAL</t>
  </si>
  <si>
    <r>
      <t>No License Required, however CSLB General “B” contractor's license, or other certifications available in the field may suffice.</t>
    </r>
    <r>
      <rPr>
        <strike/>
        <sz val="11"/>
        <color rgb="FF000000"/>
        <rFont val="Verdana"/>
        <family val="2"/>
      </rPr>
      <t xml:space="preserve">
</t>
    </r>
  </si>
  <si>
    <r>
      <t> </t>
    </r>
    <r>
      <rPr>
        <sz val="10"/>
        <color theme="1"/>
        <rFont val="Verdana"/>
        <family val="2"/>
      </rPr>
      <t xml:space="preserve">A-General Engineering </t>
    </r>
    <r>
      <rPr>
        <b/>
        <sz val="10"/>
        <color theme="1"/>
        <rFont val="Verdana"/>
        <family val="2"/>
      </rPr>
      <t>OR</t>
    </r>
    <r>
      <rPr>
        <sz val="10"/>
        <color theme="1"/>
        <rFont val="Verdana"/>
        <family val="2"/>
      </rPr>
      <t xml:space="preserve"> C-12 Earthwork &amp; Paving Contractor-CSLB</t>
    </r>
    <r>
      <rPr>
        <sz val="10"/>
        <color rgb="FF000000"/>
        <rFont val="Verdana"/>
        <family val="2"/>
      </rPr>
      <t xml:space="preserve">  </t>
    </r>
    <r>
      <rPr>
        <b/>
        <sz val="10"/>
        <color rgb="FF000000"/>
        <rFont val="Verdana"/>
        <family val="2"/>
      </rPr>
      <t xml:space="preserve">OR </t>
    </r>
    <r>
      <rPr>
        <sz val="10"/>
        <color rgb="FF000000"/>
        <rFont val="Verdana"/>
        <family val="2"/>
      </rPr>
      <t>C-61</t>
    </r>
    <r>
      <rPr>
        <b/>
        <sz val="10"/>
        <color rgb="FF000000"/>
        <rFont val="Verdana"/>
        <family val="2"/>
      </rPr>
      <t>/</t>
    </r>
    <r>
      <rPr>
        <sz val="10"/>
        <color rgb="FF000000"/>
        <rFont val="Verdana"/>
        <family val="2"/>
      </rPr>
      <t>D-49</t>
    </r>
  </si>
  <si>
    <t>C-8 Concrete</t>
  </si>
  <si>
    <r>
      <t xml:space="preserve">C-27 Landscaping Contractor  </t>
    </r>
    <r>
      <rPr>
        <b/>
        <sz val="10"/>
        <color theme="1"/>
        <rFont val="Verdana"/>
        <family val="2"/>
      </rPr>
      <t>OR</t>
    </r>
    <r>
      <rPr>
        <sz val="10"/>
        <color theme="1"/>
        <rFont val="Verdana"/>
        <family val="2"/>
      </rPr>
      <t xml:space="preserve">
D-49 Tree Service Contractor- CSLB</t>
    </r>
  </si>
  <si>
    <t>Establishments primarily engaged in drilling wells for oil or gas field operations for others on a contract or fee basis.  This industry includes contractors that specialize in spudding in, drilling in, re-drilling, and directional drilling.</t>
  </si>
  <si>
    <t>NO LICENSE REQUIRED - However to get credit as a regular dealer, must possess a warehouse and have inventory (not just a token location or minimal inventory, catalogue) and be open to public, both within and outside the context of the DBE program.</t>
  </si>
  <si>
    <t xml:space="preserve">NO LICENSE REQUIRED - However to get credit as a regular dealer, must  own and operate distribution equipment to supply bulk materials. Supplementing of own equipment to be on long term lease, not ad hoc, and be open to public, both within and outside the context of the DBE program. </t>
  </si>
  <si>
    <r>
      <t xml:space="preserve">Surveyors License-Board for Professional Engineers, Land Surveyors and  Geologists </t>
    </r>
    <r>
      <rPr>
        <b/>
        <sz val="10"/>
        <color rgb="FF000000"/>
        <rFont val="Verdana"/>
        <family val="2"/>
      </rPr>
      <t xml:space="preserve">OR </t>
    </r>
    <r>
      <rPr>
        <sz val="10"/>
        <color rgb="FF000000"/>
        <rFont val="Verdana"/>
        <family val="2"/>
      </rPr>
      <t xml:space="preserve">
A-General Engineering Contractors License-CSLB </t>
    </r>
    <r>
      <rPr>
        <b/>
        <sz val="10"/>
        <color rgb="FF000000"/>
        <rFont val="Verdana"/>
        <family val="2"/>
      </rPr>
      <t xml:space="preserve">OR </t>
    </r>
    <r>
      <rPr>
        <sz val="10"/>
        <color rgb="FF000000"/>
        <rFont val="Verdana"/>
        <family val="2"/>
      </rPr>
      <t>C-61/D-09 - CSLB</t>
    </r>
  </si>
  <si>
    <t>C1293   </t>
  </si>
  <si>
    <t>MOBILE BARRIER SYSTEM                           </t>
  </si>
  <si>
    <t>Use in projects where the work area is 100 feet or less or the work can be completed in multiple segments of 100 feet or less in length. Use to provide positive protection for workers on stationary closures not to exceed more than 3 work days at the same location.</t>
  </si>
  <si>
    <t>Use with bid item 129015, MOBILE BARRIER SYSTEM (Day).</t>
  </si>
  <si>
    <t>General Engineering Contractor</t>
  </si>
  <si>
    <t>Or</t>
  </si>
  <si>
    <t>561990 All other support services</t>
  </si>
  <si>
    <t>C-31 Construction Zone Traffic Control</t>
  </si>
  <si>
    <t>C1295</t>
  </si>
  <si>
    <t>MOVABLE BARRIER SYSTEM                        </t>
  </si>
  <si>
    <t>Use in projects where lane shifts are required daily to accommodate directional traffic volume demand or when a lane can be taken to expand the work zone for work, such as, lane widening.</t>
  </si>
  <si>
    <t>Use to provide positive protection for workers on long term work activities.</t>
  </si>
  <si>
    <t>Use bid items:</t>
  </si>
  <si>
    <t>129011, MOVABLE BARRIER SYSTEM (LS)</t>
  </si>
  <si>
    <t>129012, MOVABLE BARRIER CRASH CUSHION (EA)</t>
  </si>
  <si>
    <t>129013, LATERAL SHIFT OF MOVABLE BARRIER (EA)</t>
  </si>
  <si>
    <t>129014, RELOCATE MOVABLE BARRIER (LF)</t>
  </si>
  <si>
    <r>
      <t xml:space="preserve">C-27 Landscaping </t>
    </r>
    <r>
      <rPr>
        <b/>
        <sz val="11"/>
        <color theme="1"/>
        <rFont val="Verdana"/>
        <family val="2"/>
      </rPr>
      <t>OR</t>
    </r>
    <r>
      <rPr>
        <sz val="11"/>
        <color theme="1"/>
        <rFont val="Verdana"/>
        <family val="2"/>
      </rPr>
      <t xml:space="preserve"> A-General Engineering Contractor </t>
    </r>
    <r>
      <rPr>
        <b/>
        <sz val="11"/>
        <color theme="1"/>
        <rFont val="Verdana"/>
        <family val="2"/>
      </rPr>
      <t>OR</t>
    </r>
    <r>
      <rPr>
        <sz val="11"/>
        <color theme="1"/>
        <rFont val="Verdana"/>
        <family val="2"/>
      </rPr>
      <t xml:space="preserve"> D-61 / D-59 Hydro-seed Spraying Contractor - CSLB</t>
    </r>
  </si>
  <si>
    <r>
      <t xml:space="preserve">C-27 Landscaping </t>
    </r>
    <r>
      <rPr>
        <b/>
        <sz val="10"/>
        <color theme="1"/>
        <rFont val="Verdana"/>
        <family val="2"/>
      </rPr>
      <t>OR</t>
    </r>
    <r>
      <rPr>
        <sz val="10"/>
        <color theme="1"/>
        <rFont val="Verdana"/>
        <family val="2"/>
      </rPr>
      <t xml:space="preserve"> A-General Engineering Contractor </t>
    </r>
    <r>
      <rPr>
        <b/>
        <sz val="10"/>
        <color theme="1"/>
        <rFont val="Verdana"/>
        <family val="2"/>
      </rPr>
      <t>OR</t>
    </r>
    <r>
      <rPr>
        <sz val="10"/>
        <color theme="1"/>
        <rFont val="Verdana"/>
        <family val="2"/>
      </rPr>
      <t xml:space="preserve"> D-61 / D-59 Hydro-seed Spraying Contractor - CSLB</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5" x14ac:knownFonts="1">
    <font>
      <sz val="11"/>
      <color theme="1"/>
      <name val="Calibri"/>
      <family val="2"/>
      <scheme val="minor"/>
    </font>
    <font>
      <sz val="11"/>
      <color theme="1"/>
      <name val="Verdana"/>
      <family val="2"/>
    </font>
    <font>
      <sz val="11"/>
      <color rgb="FF000000"/>
      <name val="Verdana"/>
      <family val="2"/>
    </font>
    <font>
      <b/>
      <sz val="11"/>
      <color theme="1"/>
      <name val="Verdana"/>
      <family val="2"/>
    </font>
    <font>
      <b/>
      <sz val="12"/>
      <color theme="1"/>
      <name val="Verdana"/>
      <family val="2"/>
    </font>
    <font>
      <u/>
      <sz val="11"/>
      <color theme="1"/>
      <name val="Calibri"/>
      <family val="2"/>
      <scheme val="minor"/>
    </font>
    <font>
      <b/>
      <u/>
      <sz val="11"/>
      <color theme="1"/>
      <name val="Calibri"/>
      <family val="2"/>
      <scheme val="minor"/>
    </font>
    <font>
      <b/>
      <sz val="11"/>
      <color rgb="FFC00000"/>
      <name val="Calibri"/>
      <family val="2"/>
      <scheme val="minor"/>
    </font>
    <font>
      <sz val="11"/>
      <color rgb="FFFF0000"/>
      <name val="Calibri"/>
      <family val="2"/>
      <scheme val="minor"/>
    </font>
    <font>
      <u/>
      <sz val="11"/>
      <color rgb="FFFF0000"/>
      <name val="Calibri"/>
      <family val="2"/>
      <scheme val="minor"/>
    </font>
    <font>
      <sz val="11"/>
      <name val="Verdana"/>
      <family val="2"/>
    </font>
    <font>
      <sz val="10"/>
      <color theme="1"/>
      <name val="Verdana"/>
      <family val="2"/>
    </font>
    <font>
      <sz val="10"/>
      <color theme="1"/>
      <name val="Calibri"/>
      <family val="2"/>
      <scheme val="minor"/>
    </font>
    <font>
      <sz val="10"/>
      <color rgb="FF000000"/>
      <name val="Verdana"/>
      <family val="2"/>
    </font>
    <font>
      <b/>
      <sz val="10"/>
      <color rgb="FF000000"/>
      <name val="Verdana"/>
      <family val="2"/>
    </font>
    <font>
      <b/>
      <sz val="11"/>
      <color rgb="FF000000"/>
      <name val="Verdana"/>
      <family val="2"/>
    </font>
    <font>
      <b/>
      <sz val="11"/>
      <color rgb="FF000000"/>
      <name val="Times New Roman"/>
      <family val="1"/>
    </font>
    <font>
      <i/>
      <sz val="11"/>
      <color rgb="FF000000"/>
      <name val="Verdana"/>
      <family val="2"/>
    </font>
    <font>
      <sz val="11"/>
      <color rgb="FF333333"/>
      <name val="Verdana"/>
      <family val="2"/>
    </font>
    <font>
      <sz val="11"/>
      <color rgb="FF222222"/>
      <name val="Verdana"/>
      <family val="2"/>
    </font>
    <font>
      <b/>
      <sz val="10"/>
      <color theme="1"/>
      <name val="Verdana"/>
      <family val="2"/>
    </font>
    <font>
      <sz val="9"/>
      <color rgb="FF000000"/>
      <name val="Verdana"/>
      <family val="2"/>
    </font>
    <font>
      <sz val="11"/>
      <color theme="0"/>
      <name val="Calibri"/>
      <family val="2"/>
      <scheme val="minor"/>
    </font>
    <font>
      <sz val="12"/>
      <color theme="0"/>
      <name val="Calibri"/>
      <family val="2"/>
      <scheme val="minor"/>
    </font>
    <font>
      <sz val="11"/>
      <color theme="0"/>
      <name val="Verdana"/>
      <family val="2"/>
    </font>
    <font>
      <strike/>
      <sz val="11"/>
      <color rgb="FF000000"/>
      <name val="Verdana"/>
      <family val="2"/>
    </font>
    <font>
      <b/>
      <sz val="11"/>
      <name val="Verdana"/>
      <family val="2"/>
    </font>
    <font>
      <sz val="10"/>
      <name val="Verdana"/>
      <family val="2"/>
    </font>
    <font>
      <b/>
      <sz val="10"/>
      <name val="Verdana"/>
      <family val="2"/>
    </font>
    <font>
      <strike/>
      <sz val="10"/>
      <name val="Verdana"/>
      <family val="2"/>
    </font>
    <font>
      <sz val="11"/>
      <name val="Calibri"/>
      <family val="2"/>
      <scheme val="minor"/>
    </font>
    <font>
      <sz val="11"/>
      <color theme="1"/>
      <name val="Calibri"/>
      <family val="2"/>
    </font>
    <font>
      <b/>
      <sz val="11"/>
      <color theme="1"/>
      <name val="Calibri"/>
      <family val="2"/>
    </font>
    <font>
      <b/>
      <sz val="12"/>
      <color rgb="FFED7D31"/>
      <name val="Verdana"/>
      <family val="2"/>
    </font>
    <font>
      <sz val="10"/>
      <color theme="1"/>
      <name val="Arial"/>
      <family val="2"/>
    </font>
  </fonts>
  <fills count="7">
    <fill>
      <patternFill patternType="none"/>
    </fill>
    <fill>
      <patternFill patternType="gray125"/>
    </fill>
    <fill>
      <patternFill patternType="solid">
        <fgColor rgb="FFFFC000"/>
        <bgColor indexed="64"/>
      </patternFill>
    </fill>
    <fill>
      <patternFill patternType="solid">
        <fgColor theme="9" tint="0.79998168889431442"/>
        <bgColor indexed="64"/>
      </patternFill>
    </fill>
    <fill>
      <patternFill patternType="solid">
        <fgColor theme="9"/>
        <bgColor indexed="64"/>
      </patternFill>
    </fill>
    <fill>
      <patternFill patternType="solid">
        <fgColor theme="0"/>
        <bgColor indexed="64"/>
      </patternFill>
    </fill>
    <fill>
      <patternFill patternType="solid">
        <fgColor theme="0" tint="-0.499984740745262"/>
        <bgColor indexed="64"/>
      </patternFill>
    </fill>
  </fills>
  <borders count="24">
    <border>
      <left/>
      <right/>
      <top/>
      <bottom/>
      <diagonal/>
    </border>
    <border>
      <left style="thin">
        <color indexed="64"/>
      </left>
      <right style="thin">
        <color indexed="64"/>
      </right>
      <top style="thin">
        <color indexed="64"/>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medium">
        <color indexed="64"/>
      </right>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bottom/>
      <diagonal/>
    </border>
    <border>
      <left/>
      <right style="medium">
        <color indexed="64"/>
      </right>
      <top/>
      <bottom style="medium">
        <color indexed="64"/>
      </bottom>
      <diagonal/>
    </border>
    <border>
      <left style="medium">
        <color indexed="64"/>
      </left>
      <right style="medium">
        <color indexed="64"/>
      </right>
      <top style="thin">
        <color indexed="64"/>
      </top>
      <bottom/>
      <diagonal/>
    </border>
    <border>
      <left style="medium">
        <color indexed="64"/>
      </left>
      <right style="medium">
        <color indexed="64"/>
      </right>
      <top style="medium">
        <color indexed="64"/>
      </top>
      <bottom/>
      <diagonal/>
    </border>
  </borders>
  <cellStyleXfs count="1">
    <xf numFmtId="0" fontId="0" fillId="0" borderId="0"/>
  </cellStyleXfs>
  <cellXfs count="311">
    <xf numFmtId="0" fontId="0" fillId="0" borderId="0" xfId="0"/>
    <xf numFmtId="0" fontId="1" fillId="0" borderId="0" xfId="0" applyFont="1" applyBorder="1"/>
    <xf numFmtId="0" fontId="1" fillId="0" borderId="0" xfId="0" applyFont="1" applyBorder="1" applyAlignment="1">
      <alignment vertical="center"/>
    </xf>
    <xf numFmtId="0" fontId="1" fillId="0" borderId="0" xfId="0" applyFont="1" applyBorder="1" applyAlignment="1">
      <alignment vertical="center" wrapText="1"/>
    </xf>
    <xf numFmtId="0" fontId="1" fillId="0" borderId="1" xfId="0" applyFont="1" applyBorder="1" applyAlignment="1">
      <alignment horizontal="left" vertical="center" wrapText="1"/>
    </xf>
    <xf numFmtId="0" fontId="2" fillId="0" borderId="1" xfId="0" applyFont="1" applyBorder="1" applyAlignment="1">
      <alignment horizontal="left" vertical="center" wrapText="1"/>
    </xf>
    <xf numFmtId="0" fontId="0" fillId="0" borderId="0" xfId="0" applyAlignment="1">
      <alignment vertical="top"/>
    </xf>
    <xf numFmtId="0" fontId="0" fillId="0" borderId="10" xfId="0" applyBorder="1"/>
    <xf numFmtId="0" fontId="0" fillId="4" borderId="2" xfId="0" applyFill="1" applyBorder="1"/>
    <xf numFmtId="0" fontId="0" fillId="4" borderId="3" xfId="0" applyFill="1" applyBorder="1"/>
    <xf numFmtId="0" fontId="0" fillId="4" borderId="4" xfId="0" applyFill="1" applyBorder="1"/>
    <xf numFmtId="0" fontId="4" fillId="2" borderId="1" xfId="0" applyFont="1" applyFill="1" applyBorder="1" applyAlignment="1">
      <alignment horizontal="left" vertical="center"/>
    </xf>
    <xf numFmtId="0" fontId="1" fillId="0" borderId="1" xfId="0" applyFont="1" applyBorder="1" applyAlignment="1">
      <alignment horizontal="left" vertical="center"/>
    </xf>
    <xf numFmtId="0" fontId="1" fillId="0" borderId="0" xfId="0" applyFont="1" applyAlignment="1">
      <alignment vertical="top"/>
    </xf>
    <xf numFmtId="0" fontId="2" fillId="0" borderId="14" xfId="0" applyFont="1" applyBorder="1" applyAlignment="1">
      <alignment horizontal="left" vertical="top" wrapText="1"/>
    </xf>
    <xf numFmtId="0" fontId="4" fillId="2" borderId="1" xfId="0" applyFont="1" applyFill="1" applyBorder="1" applyAlignment="1">
      <alignment horizontal="left" vertical="center" wrapText="1"/>
    </xf>
    <xf numFmtId="0" fontId="3" fillId="2" borderId="1" xfId="0" applyFont="1" applyFill="1" applyBorder="1" applyAlignment="1">
      <alignment horizontal="left" vertical="center"/>
    </xf>
    <xf numFmtId="0" fontId="3" fillId="2" borderId="1" xfId="0" applyFont="1" applyFill="1" applyBorder="1" applyAlignment="1">
      <alignment horizontal="left" vertical="center" wrapText="1"/>
    </xf>
    <xf numFmtId="0" fontId="1" fillId="0" borderId="0" xfId="0" applyFont="1" applyAlignment="1">
      <alignment horizontal="left" vertical="center"/>
    </xf>
    <xf numFmtId="0" fontId="2" fillId="5" borderId="1" xfId="0" applyFont="1" applyFill="1" applyBorder="1" applyAlignment="1">
      <alignment horizontal="left" vertical="center" wrapText="1"/>
    </xf>
    <xf numFmtId="0" fontId="2" fillId="0" borderId="1" xfId="0" applyFont="1" applyBorder="1" applyAlignment="1">
      <alignment vertical="center" wrapText="1"/>
    </xf>
    <xf numFmtId="0" fontId="2" fillId="0" borderId="1" xfId="0" applyFont="1" applyBorder="1" applyAlignment="1">
      <alignment horizontal="left" vertical="center"/>
    </xf>
    <xf numFmtId="0" fontId="1" fillId="0" borderId="0" xfId="0" applyFont="1" applyAlignment="1">
      <alignment horizontal="left" vertical="center" wrapText="1"/>
    </xf>
    <xf numFmtId="0" fontId="2" fillId="0" borderId="11" xfId="0" applyFont="1" applyBorder="1" applyAlignment="1">
      <alignment horizontal="left" vertical="center" wrapText="1"/>
    </xf>
    <xf numFmtId="0" fontId="1" fillId="0" borderId="11" xfId="0" applyFont="1" applyBorder="1" applyAlignment="1">
      <alignment horizontal="left" vertical="center" wrapText="1"/>
    </xf>
    <xf numFmtId="0" fontId="2" fillId="0" borderId="1" xfId="0" applyFont="1" applyBorder="1" applyAlignment="1">
      <alignment vertical="center"/>
    </xf>
    <xf numFmtId="0" fontId="1" fillId="0" borderId="1" xfId="0" applyFont="1" applyFill="1" applyBorder="1" applyAlignment="1">
      <alignment horizontal="left" vertical="center" wrapText="1"/>
    </xf>
    <xf numFmtId="0" fontId="2" fillId="0" borderId="1" xfId="0" applyFont="1" applyFill="1" applyBorder="1" applyAlignment="1">
      <alignment horizontal="left" vertical="center" wrapText="1"/>
    </xf>
    <xf numFmtId="0" fontId="0" fillId="0" borderId="0" xfId="0" applyFont="1" applyAlignment="1">
      <alignment horizontal="left" vertical="center"/>
    </xf>
    <xf numFmtId="0" fontId="2" fillId="0" borderId="1" xfId="0" applyFont="1" applyFill="1" applyBorder="1" applyAlignment="1">
      <alignment horizontal="left" vertical="center"/>
    </xf>
    <xf numFmtId="0" fontId="1" fillId="0" borderId="0" xfId="0" applyFont="1" applyBorder="1" applyAlignment="1">
      <alignment horizontal="left" vertical="center"/>
    </xf>
    <xf numFmtId="0" fontId="0" fillId="0" borderId="1" xfId="0" applyFont="1" applyBorder="1" applyAlignment="1">
      <alignment horizontal="left" vertical="center"/>
    </xf>
    <xf numFmtId="0" fontId="3" fillId="0" borderId="0" xfId="0" applyFont="1" applyBorder="1" applyAlignment="1">
      <alignment vertical="top"/>
    </xf>
    <xf numFmtId="0" fontId="1" fillId="0" borderId="0" xfId="0" applyFont="1" applyBorder="1" applyAlignment="1">
      <alignment horizontal="justify" vertical="top"/>
    </xf>
    <xf numFmtId="0" fontId="1" fillId="0" borderId="0" xfId="0" applyFont="1" applyBorder="1" applyAlignment="1">
      <alignment vertical="top"/>
    </xf>
    <xf numFmtId="0" fontId="0" fillId="0" borderId="0" xfId="0" applyFont="1" applyAlignment="1" applyProtection="1">
      <alignment vertical="top"/>
      <protection locked="0"/>
    </xf>
    <xf numFmtId="0" fontId="15" fillId="2" borderId="1" xfId="0" applyFont="1" applyFill="1" applyBorder="1" applyAlignment="1">
      <alignment horizontal="left" vertical="center" wrapText="1"/>
    </xf>
    <xf numFmtId="0" fontId="0" fillId="0" borderId="0" xfId="0" applyFont="1" applyBorder="1" applyAlignment="1">
      <alignment horizontal="left" vertical="top"/>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15" fillId="0" borderId="1" xfId="0" applyFont="1" applyBorder="1" applyAlignment="1">
      <alignment horizontal="left" vertical="center" wrapText="1"/>
    </xf>
    <xf numFmtId="0" fontId="1" fillId="0" borderId="1" xfId="0" applyFont="1" applyBorder="1" applyAlignment="1">
      <alignment horizontal="justify" vertical="center"/>
    </xf>
    <xf numFmtId="0" fontId="2" fillId="6" borderId="1" xfId="0" applyFont="1" applyFill="1" applyBorder="1" applyAlignment="1">
      <alignment horizontal="left" vertical="center"/>
    </xf>
    <xf numFmtId="0" fontId="1" fillId="6" borderId="1" xfId="0" applyFont="1" applyFill="1" applyBorder="1" applyAlignment="1">
      <alignment horizontal="left" vertical="center" wrapText="1"/>
    </xf>
    <xf numFmtId="0" fontId="10" fillId="0" borderId="1" xfId="0" applyFont="1" applyBorder="1" applyAlignment="1">
      <alignment horizontal="left" vertical="center" wrapText="1"/>
    </xf>
    <xf numFmtId="0" fontId="18" fillId="0" borderId="1" xfId="0" applyFont="1" applyBorder="1" applyAlignment="1">
      <alignment horizontal="left" vertical="center" wrapText="1"/>
    </xf>
    <xf numFmtId="0" fontId="19" fillId="0" borderId="1" xfId="0" applyFont="1" applyBorder="1" applyAlignment="1">
      <alignment horizontal="left" vertical="center" wrapText="1"/>
    </xf>
    <xf numFmtId="0" fontId="1" fillId="0" borderId="1" xfId="0" applyNumberFormat="1" applyFont="1" applyBorder="1" applyAlignment="1">
      <alignment horizontal="left" vertical="center" wrapText="1"/>
    </xf>
    <xf numFmtId="0" fontId="2" fillId="5" borderId="1" xfId="0" applyFont="1" applyFill="1" applyBorder="1" applyAlignment="1">
      <alignment horizontal="left" vertical="center"/>
    </xf>
    <xf numFmtId="0" fontId="1" fillId="5" borderId="1" xfId="0" applyFont="1" applyFill="1" applyBorder="1" applyAlignment="1">
      <alignment horizontal="left" vertical="center" wrapText="1"/>
    </xf>
    <xf numFmtId="0" fontId="14" fillId="2" borderId="1" xfId="0" applyFont="1" applyFill="1" applyBorder="1" applyAlignment="1">
      <alignment horizontal="left" vertical="center" wrapText="1" shrinkToFit="1"/>
    </xf>
    <xf numFmtId="49" fontId="11" fillId="0" borderId="1" xfId="0" applyNumberFormat="1" applyFont="1" applyBorder="1" applyAlignment="1">
      <alignment horizontal="left" vertical="center" wrapText="1" shrinkToFit="1"/>
    </xf>
    <xf numFmtId="0" fontId="13" fillId="0" borderId="11" xfId="0" applyFont="1" applyBorder="1" applyAlignment="1">
      <alignment horizontal="left" vertical="center" wrapText="1" shrinkToFit="1"/>
    </xf>
    <xf numFmtId="0" fontId="13" fillId="0" borderId="1" xfId="0" applyFont="1" applyBorder="1" applyAlignment="1">
      <alignment vertical="center" wrapText="1" shrinkToFit="1"/>
    </xf>
    <xf numFmtId="0" fontId="11" fillId="6" borderId="1" xfId="0" applyFont="1" applyFill="1" applyBorder="1" applyAlignment="1">
      <alignment horizontal="left" vertical="center" wrapText="1" shrinkToFit="1"/>
    </xf>
    <xf numFmtId="0" fontId="13" fillId="6" borderId="1" xfId="0" applyFont="1" applyFill="1" applyBorder="1" applyAlignment="1">
      <alignment horizontal="left" vertical="center" wrapText="1" shrinkToFit="1"/>
    </xf>
    <xf numFmtId="0" fontId="13" fillId="0" borderId="1" xfId="0" applyFont="1" applyFill="1" applyBorder="1" applyAlignment="1">
      <alignment horizontal="left" vertical="center" wrapText="1" shrinkToFit="1"/>
    </xf>
    <xf numFmtId="0" fontId="13" fillId="5" borderId="1" xfId="0" applyFont="1" applyFill="1" applyBorder="1" applyAlignment="1">
      <alignment horizontal="left" vertical="center" wrapText="1" shrinkToFit="1"/>
    </xf>
    <xf numFmtId="0" fontId="14" fillId="2" borderId="1" xfId="0" applyFont="1" applyFill="1" applyBorder="1" applyAlignment="1">
      <alignment horizontal="left" vertical="center" wrapText="1"/>
    </xf>
    <xf numFmtId="0" fontId="11" fillId="0" borderId="1" xfId="0" applyFont="1" applyBorder="1" applyAlignment="1">
      <alignment horizontal="left" vertical="center" wrapText="1"/>
    </xf>
    <xf numFmtId="0" fontId="13" fillId="0" borderId="1" xfId="0" applyFont="1" applyBorder="1" applyAlignment="1">
      <alignment horizontal="left" vertical="center" wrapText="1"/>
    </xf>
    <xf numFmtId="0" fontId="13" fillId="0" borderId="11" xfId="0" applyFont="1" applyBorder="1" applyAlignment="1">
      <alignment horizontal="left" vertical="center" wrapText="1"/>
    </xf>
    <xf numFmtId="0" fontId="13" fillId="0" borderId="1" xfId="0" applyFont="1" applyBorder="1" applyAlignment="1">
      <alignment vertical="center" wrapText="1"/>
    </xf>
    <xf numFmtId="0" fontId="11" fillId="6" borderId="1" xfId="0" applyFont="1" applyFill="1" applyBorder="1" applyAlignment="1">
      <alignment horizontal="left" vertical="center" wrapText="1"/>
    </xf>
    <xf numFmtId="0" fontId="13" fillId="6" borderId="1" xfId="0" applyFont="1" applyFill="1" applyBorder="1" applyAlignment="1">
      <alignment horizontal="left" vertical="center" wrapText="1"/>
    </xf>
    <xf numFmtId="0" fontId="13" fillId="0" borderId="1" xfId="0" applyFont="1" applyFill="1" applyBorder="1" applyAlignment="1">
      <alignment horizontal="left" vertical="center" wrapText="1"/>
    </xf>
    <xf numFmtId="0" fontId="13" fillId="0" borderId="1" xfId="0" applyNumberFormat="1" applyFont="1" applyBorder="1" applyAlignment="1">
      <alignment horizontal="left" vertical="center" wrapText="1"/>
    </xf>
    <xf numFmtId="0" fontId="13" fillId="5" borderId="12" xfId="0" applyFont="1" applyFill="1" applyBorder="1" applyAlignment="1">
      <alignment vertical="center" textRotation="180" wrapText="1"/>
    </xf>
    <xf numFmtId="0" fontId="13" fillId="0" borderId="1" xfId="0" applyFont="1" applyBorder="1" applyAlignment="1">
      <alignment vertical="center" textRotation="180" wrapText="1"/>
    </xf>
    <xf numFmtId="0" fontId="13" fillId="6" borderId="1" xfId="0" applyFont="1" applyFill="1" applyBorder="1" applyAlignment="1">
      <alignment vertical="center" textRotation="180" wrapText="1"/>
    </xf>
    <xf numFmtId="0" fontId="13" fillId="0" borderId="12" xfId="0" applyFont="1" applyBorder="1" applyAlignment="1">
      <alignment vertical="center" textRotation="180" wrapText="1"/>
    </xf>
    <xf numFmtId="0" fontId="13" fillId="0" borderId="1" xfId="0" applyFont="1" applyBorder="1" applyAlignment="1">
      <alignment vertical="center" textRotation="91" wrapText="1"/>
    </xf>
    <xf numFmtId="0" fontId="13" fillId="0" borderId="11" xfId="0" applyFont="1" applyBorder="1" applyAlignment="1">
      <alignment vertical="center" wrapText="1"/>
    </xf>
    <xf numFmtId="0" fontId="1" fillId="0" borderId="11" xfId="0" applyFont="1" applyBorder="1" applyAlignment="1">
      <alignment vertical="center" wrapText="1"/>
    </xf>
    <xf numFmtId="0" fontId="2" fillId="0" borderId="11" xfId="0" applyFont="1" applyBorder="1" applyAlignment="1">
      <alignment vertical="center" wrapText="1"/>
    </xf>
    <xf numFmtId="0" fontId="1" fillId="0" borderId="1" xfId="0" applyFont="1" applyBorder="1" applyAlignment="1">
      <alignment vertical="center" wrapText="1"/>
    </xf>
    <xf numFmtId="0" fontId="11" fillId="0" borderId="1" xfId="0" applyFont="1" applyBorder="1" applyAlignment="1">
      <alignment vertical="center" wrapText="1" shrinkToFit="1"/>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2" fillId="0" borderId="1" xfId="0" applyFont="1" applyBorder="1" applyAlignment="1">
      <alignment horizontal="left" vertical="center"/>
    </xf>
    <xf numFmtId="0" fontId="2" fillId="0" borderId="11" xfId="0" applyFont="1" applyBorder="1" applyAlignment="1">
      <alignment horizontal="left" vertical="center" wrapText="1"/>
    </xf>
    <xf numFmtId="0" fontId="1" fillId="0" borderId="11" xfId="0" applyFont="1" applyBorder="1" applyAlignment="1">
      <alignment horizontal="left" vertical="center" wrapText="1"/>
    </xf>
    <xf numFmtId="0" fontId="13" fillId="0" borderId="1" xfId="0" applyFont="1" applyBorder="1" applyAlignment="1">
      <alignment horizontal="left" vertical="center" wrapText="1"/>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2" fillId="0" borderId="11" xfId="0" applyFont="1" applyBorder="1" applyAlignment="1">
      <alignment horizontal="left" vertical="center" wrapText="1"/>
    </xf>
    <xf numFmtId="0" fontId="1" fillId="0" borderId="11" xfId="0" applyFont="1" applyBorder="1" applyAlignment="1">
      <alignment horizontal="left" vertical="center" wrapText="1"/>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1" fillId="0" borderId="1" xfId="0" applyFont="1" applyBorder="1" applyAlignment="1">
      <alignment vertical="center" wrapText="1"/>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2" fillId="0" borderId="1" xfId="0" applyFont="1" applyBorder="1" applyAlignment="1">
      <alignment horizontal="left" vertical="center" wrapText="1"/>
    </xf>
    <xf numFmtId="0" fontId="13" fillId="0" borderId="1" xfId="0" applyFont="1" applyBorder="1" applyAlignment="1">
      <alignment horizontal="left" vertical="center" wrapTex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shrinkToFit="1"/>
    </xf>
    <xf numFmtId="0" fontId="15" fillId="2" borderId="1" xfId="0" applyFont="1" applyFill="1" applyBorder="1" applyAlignment="1">
      <alignment horizontal="left" vertical="center" wrapText="1" shrinkToFit="1"/>
    </xf>
    <xf numFmtId="0" fontId="1" fillId="0" borderId="1" xfId="0" applyFont="1" applyBorder="1" applyAlignment="1">
      <alignment horizontal="left" vertical="center" wrapText="1" shrinkToFit="1"/>
    </xf>
    <xf numFmtId="0" fontId="2" fillId="0" borderId="1" xfId="0" applyFont="1" applyBorder="1" applyAlignment="1">
      <alignment horizontal="left" vertical="center" wrapText="1" shrinkToFit="1"/>
    </xf>
    <xf numFmtId="0" fontId="2" fillId="0" borderId="11" xfId="0" applyFont="1" applyBorder="1" applyAlignment="1">
      <alignment horizontal="left" vertical="center" wrapText="1" shrinkToFit="1"/>
    </xf>
    <xf numFmtId="0" fontId="2" fillId="0" borderId="1" xfId="0" applyFont="1" applyBorder="1" applyAlignment="1">
      <alignment horizontal="justify" vertical="center" wrapText="1" shrinkToFit="1"/>
    </xf>
    <xf numFmtId="0" fontId="2" fillId="0" borderId="1" xfId="0" applyFont="1" applyBorder="1" applyAlignment="1">
      <alignment vertical="center" wrapText="1" shrinkToFit="1"/>
    </xf>
    <xf numFmtId="0" fontId="2" fillId="6" borderId="1" xfId="0" applyFont="1" applyFill="1" applyBorder="1" applyAlignment="1">
      <alignment horizontal="left" vertical="center" wrapText="1" shrinkToFit="1"/>
    </xf>
    <xf numFmtId="0" fontId="2" fillId="0" borderId="1" xfId="0" applyFont="1" applyFill="1" applyBorder="1" applyAlignment="1">
      <alignment horizontal="left" vertical="center" wrapText="1" shrinkToFit="1"/>
    </xf>
    <xf numFmtId="0" fontId="2" fillId="5" borderId="1" xfId="0" applyFont="1" applyFill="1" applyBorder="1" applyAlignment="1">
      <alignment horizontal="left" vertical="center" wrapText="1" shrinkToFit="1"/>
    </xf>
    <xf numFmtId="0" fontId="15" fillId="0" borderId="1" xfId="0" applyFont="1" applyBorder="1" applyAlignment="1">
      <alignment horizontal="left" vertical="center" wrapText="1" shrinkToFit="1"/>
    </xf>
    <xf numFmtId="0" fontId="2" fillId="0" borderId="11" xfId="0" applyFont="1" applyBorder="1" applyAlignment="1">
      <alignment vertical="center" wrapText="1" shrinkToFit="1"/>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1" fillId="0" borderId="11" xfId="0" applyFont="1" applyBorder="1" applyAlignment="1">
      <alignment horizontal="left" vertical="center" wrapText="1" shrinkToFit="1"/>
    </xf>
    <xf numFmtId="0" fontId="13" fillId="0" borderId="1" xfId="0" applyFont="1" applyBorder="1" applyAlignment="1">
      <alignment horizontal="left" vertical="center" wrapText="1" shrinkToFit="1"/>
    </xf>
    <xf numFmtId="0" fontId="2" fillId="0" borderId="1" xfId="0" applyFont="1" applyBorder="1" applyAlignment="1">
      <alignment horizontal="left" vertical="center"/>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1" fillId="0" borderId="1" xfId="0" applyFont="1" applyBorder="1" applyAlignment="1">
      <alignment horizontal="left" vertical="center" wrapText="1"/>
    </xf>
    <xf numFmtId="0" fontId="1" fillId="0" borderId="0" xfId="0" applyFont="1" applyBorder="1" applyAlignment="1">
      <alignment horizontal="left" vertical="top"/>
    </xf>
    <xf numFmtId="0" fontId="0" fillId="0" borderId="1" xfId="0" applyFont="1" applyBorder="1" applyAlignment="1" applyProtection="1">
      <alignment horizontal="left" vertical="center"/>
      <protection locked="0"/>
    </xf>
    <xf numFmtId="0" fontId="2" fillId="0" borderId="0" xfId="0" applyFont="1" applyAlignment="1">
      <alignment horizontal="left" vertical="center" wrapTex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1" fillId="0" borderId="1" xfId="0" applyFont="1" applyBorder="1" applyAlignment="1">
      <alignment horizontal="left" vertical="center" wrapText="1"/>
    </xf>
    <xf numFmtId="0" fontId="2" fillId="0" borderId="1" xfId="0" applyFont="1" applyBorder="1" applyAlignment="1">
      <alignment horizontal="left" vertical="center"/>
    </xf>
    <xf numFmtId="0" fontId="1" fillId="0" borderId="1" xfId="0" applyFont="1" applyBorder="1" applyAlignment="1">
      <alignment horizontal="left" vertical="center" wrapTex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 fillId="0" borderId="0" xfId="0" applyFont="1" applyAlignment="1">
      <alignment vertical="center"/>
    </xf>
    <xf numFmtId="0" fontId="1" fillId="0" borderId="1" xfId="0" applyFont="1" applyBorder="1" applyAlignment="1">
      <alignment horizontal="left" vertical="center" wrapText="1"/>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3" fillId="0" borderId="1" xfId="0" applyFont="1" applyBorder="1" applyAlignment="1">
      <alignment horizontal="left" vertical="center" wrapText="1" shrinkToFit="1"/>
    </xf>
    <xf numFmtId="0" fontId="13" fillId="0" borderId="13" xfId="0" applyFont="1" applyBorder="1" applyAlignment="1">
      <alignment horizontal="left" vertical="center" wrapTex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3" fillId="0" borderId="1" xfId="0" applyFont="1" applyBorder="1" applyAlignment="1">
      <alignment horizontal="left" vertical="center" wrapText="1" shrinkToFit="1"/>
    </xf>
    <xf numFmtId="0" fontId="2" fillId="0" borderId="11" xfId="0" applyFont="1" applyBorder="1" applyAlignment="1">
      <alignment horizontal="left" vertical="center" wrapText="1"/>
    </xf>
    <xf numFmtId="0" fontId="2" fillId="0" borderId="11" xfId="0" applyFont="1" applyBorder="1" applyAlignment="1">
      <alignment horizontal="left" vertical="center" wrapText="1" shrinkToFit="1"/>
    </xf>
    <xf numFmtId="0" fontId="11" fillId="0" borderId="1" xfId="0" applyFont="1" applyBorder="1" applyAlignment="1">
      <alignment horizontal="left" vertical="center" wrapText="1"/>
    </xf>
    <xf numFmtId="0" fontId="2" fillId="0" borderId="1" xfId="0" applyFont="1" applyBorder="1" applyAlignment="1">
      <alignment horizontal="left" vertical="center"/>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2" fillId="0" borderId="1" xfId="0" applyFont="1" applyBorder="1" applyAlignment="1">
      <alignment horizontal="left" vertical="center" wrapText="1" shrinkToFit="1"/>
    </xf>
    <xf numFmtId="0" fontId="11" fillId="0" borderId="1" xfId="0" applyFont="1" applyBorder="1" applyAlignment="1">
      <alignment horizontal="left" vertical="center" wrapTex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1" fillId="0" borderId="1" xfId="0" applyFont="1" applyBorder="1" applyAlignment="1">
      <alignment horizontal="left" vertical="center" wrapText="1"/>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3"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1" fillId="0" borderId="1" xfId="0" applyFont="1" applyBorder="1" applyAlignment="1">
      <alignment horizontal="left" vertical="center" wrapText="1"/>
    </xf>
    <xf numFmtId="0" fontId="13" fillId="0" borderId="1" xfId="0" applyFont="1" applyBorder="1" applyAlignment="1">
      <alignment horizontal="left" vertical="center" wrapText="1" shrinkToFi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3" fillId="0" borderId="1" xfId="0" applyFont="1" applyBorder="1" applyAlignment="1">
      <alignment horizontal="left" vertical="center" wrapText="1" shrinkToFit="1"/>
    </xf>
    <xf numFmtId="0" fontId="11" fillId="0" borderId="1" xfId="0" applyFont="1" applyBorder="1" applyAlignment="1">
      <alignment horizontal="left" vertical="center" wrapText="1"/>
    </xf>
    <xf numFmtId="0" fontId="2" fillId="0" borderId="15" xfId="0" applyFont="1" applyBorder="1" applyAlignment="1">
      <alignment horizontal="left" vertical="center" wrapText="1"/>
    </xf>
    <xf numFmtId="0" fontId="2" fillId="0" borderId="16" xfId="0" applyFont="1" applyBorder="1" applyAlignment="1">
      <alignment horizontal="left" vertical="center" wrapText="1" shrinkToFit="1"/>
    </xf>
    <xf numFmtId="0" fontId="2" fillId="0" borderId="16" xfId="0" applyFont="1" applyBorder="1" applyAlignment="1">
      <alignment horizontal="left" vertical="center" wrapText="1"/>
    </xf>
    <xf numFmtId="0" fontId="11" fillId="0" borderId="16" xfId="0" applyFont="1" applyBorder="1" applyAlignment="1">
      <alignment horizontal="left" vertical="center" wrapText="1"/>
    </xf>
    <xf numFmtId="0" fontId="11" fillId="0" borderId="17" xfId="0" applyFont="1" applyBorder="1" applyAlignment="1">
      <alignment horizontal="left" vertical="center" wrapText="1" shrinkToFit="1"/>
    </xf>
    <xf numFmtId="0" fontId="2" fillId="0" borderId="17" xfId="0" applyFont="1" applyBorder="1" applyAlignment="1">
      <alignment horizontal="left" vertical="center" wrapText="1"/>
    </xf>
    <xf numFmtId="0" fontId="1" fillId="0" borderId="16" xfId="0" applyFont="1" applyBorder="1" applyAlignment="1">
      <alignment horizontal="left" vertical="center" wrapTex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3" fillId="0" borderId="1" xfId="0" applyFont="1" applyBorder="1" applyAlignment="1">
      <alignment horizontal="left" vertical="center" wrapText="1" shrinkToFi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shrinkToFi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3" fillId="0" borderId="1" xfId="0" applyFont="1" applyBorder="1" applyAlignment="1">
      <alignment horizontal="left" vertical="center" wrapText="1" shrinkToFit="1"/>
    </xf>
    <xf numFmtId="0" fontId="11" fillId="0" borderId="1" xfId="0" applyFont="1" applyBorder="1" applyAlignment="1">
      <alignment horizontal="left" vertical="center" wrapText="1"/>
    </xf>
    <xf numFmtId="0" fontId="1"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3" fillId="0" borderId="1" xfId="0" applyFont="1" applyBorder="1" applyAlignment="1">
      <alignment horizontal="left" vertical="center" wrapText="1" shrinkToFit="1"/>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2" fillId="0" borderId="1" xfId="0" applyFont="1" applyBorder="1" applyAlignment="1">
      <alignment horizontal="left" vertical="center" wrapText="1" shrinkToFit="1"/>
    </xf>
    <xf numFmtId="0" fontId="1" fillId="0" borderId="1" xfId="0" applyFont="1" applyBorder="1" applyAlignment="1">
      <alignment horizontal="left" vertical="top" wrapText="1"/>
    </xf>
    <xf numFmtId="0" fontId="12" fillId="0" borderId="1" xfId="0" applyFont="1" applyBorder="1" applyAlignment="1">
      <alignment horizontal="left" vertical="top" wrapText="1" shrinkToFi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3" fillId="0" borderId="1" xfId="0" applyFont="1" applyBorder="1" applyAlignment="1">
      <alignment horizontal="left" vertical="center" wrapText="1" shrinkToFit="1"/>
    </xf>
    <xf numFmtId="0" fontId="2" fillId="0" borderId="1" xfId="0" applyFont="1" applyBorder="1" applyAlignment="1">
      <alignment horizontal="left" vertical="center"/>
    </xf>
    <xf numFmtId="0" fontId="0" fillId="0" borderId="0" xfId="0" applyFont="1" applyBorder="1" applyAlignment="1">
      <alignment horizontal="left" vertical="center"/>
    </xf>
    <xf numFmtId="0" fontId="23" fillId="0" borderId="0" xfId="0" applyFont="1"/>
    <xf numFmtId="0" fontId="24" fillId="0" borderId="1" xfId="0" applyFont="1" applyBorder="1" applyAlignment="1">
      <alignment horizontal="left" vertical="center"/>
    </xf>
    <xf numFmtId="0" fontId="22" fillId="0" borderId="1" xfId="0" applyFont="1" applyBorder="1" applyAlignment="1" applyProtection="1">
      <alignment horizontal="left" vertical="center"/>
      <protection locked="0"/>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2" fillId="0" borderId="1" xfId="0" applyFont="1" applyBorder="1" applyAlignment="1">
      <alignment horizontal="left" vertical="top" wrapText="1"/>
    </xf>
    <xf numFmtId="0" fontId="1" fillId="0" borderId="1" xfId="0" applyFont="1" applyBorder="1" applyAlignment="1">
      <alignment vertical="top" wrapTex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1" fillId="0" borderId="1" xfId="0" applyFont="1" applyBorder="1" applyAlignment="1">
      <alignment horizontal="left" vertical="center" wrapText="1"/>
    </xf>
    <xf numFmtId="0" fontId="4" fillId="0" borderId="0" xfId="0" applyFont="1" applyBorder="1" applyAlignment="1">
      <alignment horizontal="left" vertical="center"/>
    </xf>
    <xf numFmtId="0" fontId="10" fillId="0" borderId="1" xfId="0" applyFont="1" applyFill="1" applyBorder="1" applyAlignment="1">
      <alignment horizontal="left" vertical="center" wrapText="1"/>
    </xf>
    <xf numFmtId="0" fontId="10" fillId="0" borderId="1" xfId="0" applyFont="1" applyBorder="1" applyAlignment="1">
      <alignment horizontal="left" vertical="center" wrapText="1" shrinkToFit="1"/>
    </xf>
    <xf numFmtId="0" fontId="27" fillId="0" borderId="1" xfId="0" applyFont="1" applyBorder="1" applyAlignment="1">
      <alignment horizontal="left" vertical="center" wrapText="1"/>
    </xf>
    <xf numFmtId="0" fontId="10" fillId="0" borderId="1" xfId="0" applyFont="1" applyFill="1" applyBorder="1" applyAlignment="1">
      <alignment horizontal="left" vertical="top" wrapText="1"/>
    </xf>
    <xf numFmtId="0" fontId="10" fillId="0" borderId="1" xfId="0" applyFont="1" applyBorder="1" applyAlignment="1">
      <alignment horizontal="left" vertical="top" wrapText="1"/>
    </xf>
    <xf numFmtId="0" fontId="30" fillId="0" borderId="0" xfId="0" applyFont="1" applyAlignment="1">
      <alignment horizontal="left" vertical="center"/>
    </xf>
    <xf numFmtId="0" fontId="27" fillId="0" borderId="1" xfId="0" applyFont="1" applyBorder="1" applyAlignment="1">
      <alignment horizontal="left" vertical="center" wrapText="1" shrinkToFit="1"/>
    </xf>
    <xf numFmtId="0" fontId="2" fillId="0" borderId="1" xfId="0" applyFont="1" applyBorder="1" applyAlignment="1">
      <alignment horizontal="left" vertical="center" wrapText="1"/>
    </xf>
    <xf numFmtId="0" fontId="1" fillId="0" borderId="1" xfId="0" applyFont="1" applyBorder="1" applyAlignment="1">
      <alignment horizontal="left" vertical="center" wrapText="1"/>
    </xf>
    <xf numFmtId="0" fontId="1" fillId="0" borderId="1" xfId="0" applyFont="1" applyFill="1" applyBorder="1" applyAlignment="1">
      <alignment horizontal="left" vertical="top" wrapText="1"/>
    </xf>
    <xf numFmtId="0" fontId="11" fillId="0" borderId="1" xfId="0" applyFont="1" applyBorder="1" applyAlignment="1">
      <alignment horizontal="left" vertical="center" wrapText="1"/>
    </xf>
    <xf numFmtId="0" fontId="34" fillId="0" borderId="9" xfId="0" applyFont="1" applyBorder="1" applyAlignment="1">
      <alignment vertical="center"/>
    </xf>
    <xf numFmtId="0" fontId="31" fillId="0" borderId="9" xfId="0" applyFont="1" applyBorder="1" applyAlignment="1">
      <alignment vertical="center" wrapText="1"/>
    </xf>
    <xf numFmtId="0" fontId="33" fillId="0" borderId="9" xfId="0" applyFont="1" applyBorder="1" applyAlignment="1">
      <alignment vertical="center"/>
    </xf>
    <xf numFmtId="0" fontId="0" fillId="0" borderId="21" xfId="0" applyBorder="1" applyAlignment="1">
      <alignment vertical="top"/>
    </xf>
    <xf numFmtId="0" fontId="32" fillId="0" borderId="9" xfId="0" applyFont="1" applyBorder="1" applyAlignment="1">
      <alignment vertical="center" wrapText="1"/>
    </xf>
    <xf numFmtId="0" fontId="33" fillId="0" borderId="21" xfId="0" applyFont="1" applyBorder="1" applyAlignment="1">
      <alignment vertical="center" wrapText="1"/>
    </xf>
    <xf numFmtId="0" fontId="33" fillId="0" borderId="21" xfId="0" applyFont="1" applyBorder="1" applyAlignment="1">
      <alignment vertical="center"/>
    </xf>
    <xf numFmtId="0" fontId="33" fillId="0" borderId="9" xfId="0" applyFont="1" applyBorder="1" applyAlignment="1">
      <alignment vertical="center" wrapText="1"/>
    </xf>
    <xf numFmtId="0" fontId="0" fillId="0" borderId="9" xfId="0" applyBorder="1" applyAlignment="1">
      <alignment vertical="top" wrapText="1"/>
    </xf>
    <xf numFmtId="0" fontId="0" fillId="0" borderId="21" xfId="0" applyBorder="1" applyAlignment="1">
      <alignment vertical="top" wrapText="1"/>
    </xf>
    <xf numFmtId="0" fontId="2" fillId="0" borderId="1" xfId="0" applyFont="1" applyBorder="1" applyAlignment="1">
      <alignment vertical="center" shrinkToFit="1"/>
    </xf>
    <xf numFmtId="0" fontId="34" fillId="0" borderId="9" xfId="0" applyFont="1" applyBorder="1" applyAlignment="1">
      <alignment vertical="center" wrapText="1"/>
    </xf>
    <xf numFmtId="0" fontId="0" fillId="3" borderId="5" xfId="0" applyFill="1" applyBorder="1" applyAlignment="1">
      <alignment horizontal="left" vertical="top" wrapText="1"/>
    </xf>
    <xf numFmtId="0" fontId="0" fillId="3" borderId="6" xfId="0" applyFill="1" applyBorder="1" applyAlignment="1">
      <alignment horizontal="left" vertical="top"/>
    </xf>
    <xf numFmtId="0" fontId="0" fillId="3" borderId="7" xfId="0" applyFill="1" applyBorder="1" applyAlignment="1">
      <alignment horizontal="left" vertical="top"/>
    </xf>
    <xf numFmtId="0" fontId="0" fillId="3" borderId="8" xfId="0" applyFill="1" applyBorder="1" applyAlignment="1">
      <alignment horizontal="left" vertical="top"/>
    </xf>
    <xf numFmtId="0" fontId="0" fillId="3" borderId="0" xfId="0" applyFill="1" applyBorder="1" applyAlignment="1">
      <alignment horizontal="left" vertical="top"/>
    </xf>
    <xf numFmtId="0" fontId="0" fillId="3" borderId="9" xfId="0" applyFill="1" applyBorder="1" applyAlignment="1">
      <alignment horizontal="left" vertical="top"/>
    </xf>
    <xf numFmtId="0" fontId="7" fillId="0" borderId="2" xfId="0" applyFont="1" applyBorder="1" applyAlignment="1">
      <alignment horizontal="left" vertical="top" wrapText="1"/>
    </xf>
    <xf numFmtId="0" fontId="7" fillId="0" borderId="3" xfId="0" applyFont="1" applyBorder="1" applyAlignment="1">
      <alignment horizontal="left" vertical="top" wrapText="1"/>
    </xf>
    <xf numFmtId="0" fontId="7" fillId="0" borderId="4" xfId="0" applyFont="1" applyBorder="1" applyAlignment="1">
      <alignment horizontal="left" vertical="top" wrapText="1"/>
    </xf>
    <xf numFmtId="0" fontId="31" fillId="0" borderId="23" xfId="0" applyFont="1" applyBorder="1" applyAlignment="1">
      <alignment vertical="center"/>
    </xf>
    <xf numFmtId="0" fontId="31" fillId="0" borderId="20" xfId="0" applyFont="1" applyBorder="1" applyAlignment="1">
      <alignment vertical="center"/>
    </xf>
    <xf numFmtId="0" fontId="31" fillId="0" borderId="19" xfId="0" applyFont="1" applyBorder="1" applyAlignment="1">
      <alignment vertical="center"/>
    </xf>
    <xf numFmtId="0" fontId="31" fillId="0" borderId="22" xfId="0" applyFont="1" applyBorder="1" applyAlignment="1">
      <alignment vertical="center"/>
    </xf>
    <xf numFmtId="0" fontId="16" fillId="0" borderId="15" xfId="0" applyFont="1" applyBorder="1" applyAlignment="1">
      <alignment horizontal="left" vertical="center" wrapText="1"/>
    </xf>
    <xf numFmtId="0" fontId="16" fillId="0" borderId="16" xfId="0" applyFont="1" applyBorder="1" applyAlignment="1">
      <alignment horizontal="left" vertical="center" wrapText="1"/>
    </xf>
    <xf numFmtId="0" fontId="16" fillId="0" borderId="17" xfId="0" applyFont="1" applyBorder="1" applyAlignment="1">
      <alignment horizontal="left" vertical="center" wrapText="1"/>
    </xf>
    <xf numFmtId="0" fontId="13" fillId="0" borderId="11" xfId="0" applyFont="1" applyBorder="1" applyAlignment="1">
      <alignment horizontal="left" vertical="center" wrapText="1"/>
    </xf>
    <xf numFmtId="0" fontId="13" fillId="0" borderId="13" xfId="0" applyFont="1" applyBorder="1" applyAlignment="1">
      <alignment horizontal="left" vertical="center" wrapText="1"/>
    </xf>
    <xf numFmtId="0" fontId="15" fillId="0" borderId="15" xfId="0" applyFont="1" applyBorder="1" applyAlignment="1">
      <alignment horizontal="left" vertical="center" wrapText="1"/>
    </xf>
    <xf numFmtId="0" fontId="15" fillId="0" borderId="16" xfId="0" applyFont="1" applyBorder="1" applyAlignment="1">
      <alignment horizontal="left" vertical="center" wrapText="1"/>
    </xf>
    <xf numFmtId="0" fontId="15" fillId="0" borderId="17" xfId="0" applyFont="1" applyBorder="1" applyAlignment="1">
      <alignment horizontal="left" vertical="center" wrapText="1"/>
    </xf>
    <xf numFmtId="0" fontId="16" fillId="0" borderId="1" xfId="0" applyFont="1" applyBorder="1" applyAlignment="1">
      <alignment horizontal="left" vertical="center" wrapText="1"/>
    </xf>
    <xf numFmtId="0" fontId="15" fillId="0" borderId="15" xfId="0" applyFont="1" applyBorder="1" applyAlignment="1">
      <alignment horizontal="left" vertical="center" shrinkToFit="1"/>
    </xf>
    <xf numFmtId="0" fontId="15" fillId="0" borderId="16" xfId="0" applyFont="1" applyBorder="1" applyAlignment="1">
      <alignment horizontal="left" vertical="center" shrinkToFit="1"/>
    </xf>
    <xf numFmtId="0" fontId="15" fillId="0" borderId="17" xfId="0" applyFont="1" applyBorder="1" applyAlignment="1">
      <alignment horizontal="left" vertical="center" shrinkToFit="1"/>
    </xf>
    <xf numFmtId="0" fontId="2" fillId="0" borderId="1" xfId="0" applyFont="1" applyBorder="1" applyAlignment="1">
      <alignment horizontal="left" vertical="center" wrapText="1"/>
    </xf>
    <xf numFmtId="0" fontId="2" fillId="0" borderId="1" xfId="0" applyFont="1" applyBorder="1" applyAlignment="1">
      <alignment horizontal="left" vertical="center" wrapText="1" shrinkToFit="1"/>
    </xf>
    <xf numFmtId="0" fontId="1" fillId="0" borderId="1" xfId="0" applyFont="1" applyBorder="1" applyAlignment="1">
      <alignment horizontal="left" vertical="center" wrapText="1"/>
    </xf>
    <xf numFmtId="0" fontId="13" fillId="0" borderId="1" xfId="0" applyFont="1" applyBorder="1" applyAlignment="1">
      <alignment horizontal="left" vertical="center" wrapText="1"/>
    </xf>
    <xf numFmtId="0" fontId="11" fillId="0" borderId="1" xfId="0" applyFont="1" applyBorder="1" applyAlignment="1">
      <alignment horizontal="left" vertical="center" wrapText="1" shrinkToFit="1"/>
    </xf>
    <xf numFmtId="0" fontId="13" fillId="0" borderId="1" xfId="0" applyFont="1" applyBorder="1" applyAlignment="1">
      <alignment horizontal="left" vertical="center" wrapText="1" shrinkToFit="1"/>
    </xf>
    <xf numFmtId="0" fontId="2" fillId="0" borderId="11" xfId="0" applyFont="1" applyBorder="1" applyAlignment="1">
      <alignment horizontal="left" vertical="center" wrapText="1"/>
    </xf>
    <xf numFmtId="0" fontId="2" fillId="0" borderId="12" xfId="0" applyFont="1" applyBorder="1" applyAlignment="1">
      <alignment horizontal="left" vertical="center" wrapText="1"/>
    </xf>
    <xf numFmtId="0" fontId="2" fillId="0" borderId="13" xfId="0" applyFont="1" applyBorder="1" applyAlignment="1">
      <alignment horizontal="left" vertical="center" wrapText="1"/>
    </xf>
    <xf numFmtId="0" fontId="2" fillId="0" borderId="11" xfId="0" applyFont="1" applyBorder="1" applyAlignment="1">
      <alignment horizontal="left" vertical="center" wrapText="1" shrinkToFit="1"/>
    </xf>
    <xf numFmtId="0" fontId="2" fillId="0" borderId="12" xfId="0" applyFont="1" applyBorder="1" applyAlignment="1">
      <alignment horizontal="left" vertical="center" wrapText="1" shrinkToFit="1"/>
    </xf>
    <xf numFmtId="0" fontId="2" fillId="0" borderId="13" xfId="0" applyFont="1" applyBorder="1" applyAlignment="1">
      <alignment horizontal="left" vertical="center" wrapText="1" shrinkToFit="1"/>
    </xf>
    <xf numFmtId="0" fontId="1" fillId="0" borderId="11" xfId="0" applyFont="1" applyBorder="1" applyAlignment="1">
      <alignment horizontal="left" vertical="center" wrapText="1"/>
    </xf>
    <xf numFmtId="0" fontId="1" fillId="0" borderId="12" xfId="0" applyFont="1" applyBorder="1" applyAlignment="1">
      <alignment horizontal="left" vertical="center" wrapText="1"/>
    </xf>
    <xf numFmtId="0" fontId="1" fillId="0" borderId="13" xfId="0" applyFont="1" applyBorder="1" applyAlignment="1">
      <alignment horizontal="left" vertical="center" wrapText="1"/>
    </xf>
    <xf numFmtId="0" fontId="16" fillId="0" borderId="15" xfId="0" applyFont="1" applyBorder="1" applyAlignment="1">
      <alignment horizontal="center" vertical="center" wrapText="1"/>
    </xf>
    <xf numFmtId="0" fontId="16" fillId="0" borderId="16" xfId="0" applyFont="1" applyBorder="1" applyAlignment="1">
      <alignment horizontal="center" vertical="center" wrapText="1"/>
    </xf>
    <xf numFmtId="0" fontId="16" fillId="0" borderId="17" xfId="0" applyFont="1" applyBorder="1" applyAlignment="1">
      <alignment horizontal="center" vertical="center" wrapText="1"/>
    </xf>
    <xf numFmtId="0" fontId="11" fillId="0" borderId="11" xfId="0" applyFont="1" applyBorder="1" applyAlignment="1">
      <alignment horizontal="left" vertical="center" wrapText="1" shrinkToFit="1"/>
    </xf>
    <xf numFmtId="0" fontId="11" fillId="0" borderId="13" xfId="0" applyFont="1" applyBorder="1" applyAlignment="1">
      <alignment horizontal="left" vertical="center" wrapText="1" shrinkToFit="1"/>
    </xf>
    <xf numFmtId="0" fontId="16" fillId="0" borderId="14" xfId="0" applyFont="1" applyBorder="1" applyAlignment="1">
      <alignment horizontal="left" vertical="center" wrapText="1"/>
    </xf>
    <xf numFmtId="0" fontId="16" fillId="0" borderId="0" xfId="0" applyFont="1" applyBorder="1" applyAlignment="1">
      <alignment horizontal="left" vertical="center" wrapText="1"/>
    </xf>
    <xf numFmtId="0" fontId="16" fillId="0" borderId="18" xfId="0" applyFont="1" applyBorder="1" applyAlignment="1">
      <alignment horizontal="left" vertical="center" wrapText="1"/>
    </xf>
    <xf numFmtId="0" fontId="13" fillId="0" borderId="11" xfId="0" applyFont="1" applyBorder="1" applyAlignment="1">
      <alignment horizontal="center" vertical="center" textRotation="180" wrapText="1"/>
    </xf>
    <xf numFmtId="0" fontId="13" fillId="0" borderId="12" xfId="0" applyFont="1" applyBorder="1" applyAlignment="1">
      <alignment horizontal="center" vertical="center" textRotation="180" wrapText="1"/>
    </xf>
    <xf numFmtId="0" fontId="13" fillId="0" borderId="12" xfId="0" applyFont="1" applyBorder="1" applyAlignment="1">
      <alignment horizontal="left" vertical="center" wrapText="1"/>
    </xf>
    <xf numFmtId="0" fontId="11" fillId="0" borderId="1" xfId="0" applyFont="1" applyBorder="1" applyAlignment="1">
      <alignment horizontal="left" vertical="center" wrapText="1"/>
    </xf>
    <xf numFmtId="0" fontId="2" fillId="0" borderId="1" xfId="0" applyFont="1" applyBorder="1" applyAlignment="1">
      <alignment horizontal="left" vertical="center"/>
    </xf>
    <xf numFmtId="0" fontId="16" fillId="0" borderId="15" xfId="0" applyFont="1" applyBorder="1" applyAlignment="1">
      <alignment vertical="center" wrapText="1"/>
    </xf>
    <xf numFmtId="0" fontId="16" fillId="0" borderId="16" xfId="0" applyFont="1" applyBorder="1" applyAlignment="1">
      <alignment vertical="center" wrapText="1"/>
    </xf>
    <xf numFmtId="0" fontId="16" fillId="0" borderId="17" xfId="0" applyFont="1" applyBorder="1" applyAlignment="1">
      <alignment vertical="center" wrapText="1"/>
    </xf>
    <xf numFmtId="0" fontId="11" fillId="0" borderId="12" xfId="0" applyFont="1" applyBorder="1" applyAlignment="1">
      <alignment horizontal="left" vertical="center" wrapText="1" shrinkToFit="1"/>
    </xf>
    <xf numFmtId="0" fontId="11" fillId="0" borderId="11" xfId="0" applyFont="1" applyBorder="1" applyAlignment="1">
      <alignment horizontal="left" vertical="center" wrapText="1"/>
    </xf>
    <xf numFmtId="0" fontId="11" fillId="0" borderId="12" xfId="0" applyFont="1" applyBorder="1" applyAlignment="1">
      <alignment horizontal="left" vertical="center" wrapText="1"/>
    </xf>
    <xf numFmtId="0" fontId="11" fillId="0" borderId="13" xfId="0" applyFont="1" applyBorder="1" applyAlignment="1">
      <alignment horizontal="left" vertical="center" wrapText="1"/>
    </xf>
  </cellXfs>
  <cellStyles count="1">
    <cellStyle name="Normal"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12" Type="http://schemas.openxmlformats.org/officeDocument/2006/relationships/customXml" Target="../customXml/item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ustomXml" Target="../customXml/item2.xml"/><Relationship Id="rId5" Type="http://schemas.openxmlformats.org/officeDocument/2006/relationships/worksheet" Target="worksheets/sheet5.xml"/><Relationship Id="rId10" Type="http://schemas.openxmlformats.org/officeDocument/2006/relationships/customXml" Target="../customXml/item1.xml"/><Relationship Id="rId4" Type="http://schemas.openxmlformats.org/officeDocument/2006/relationships/worksheet" Target="worksheets/sheet4.xml"/><Relationship Id="rId9" Type="http://schemas.openxmlformats.org/officeDocument/2006/relationships/sharedStrings" Target="sharedStrings.xml"/></Relationships>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hyperlink" Target="http://en.wikipedia.org/wiki/Computer" TargetMode="External"/><Relationship Id="rId2" Type="http://schemas.openxmlformats.org/officeDocument/2006/relationships/hyperlink" Target="http://en.wikipedia.org/wiki/Design" TargetMode="External"/><Relationship Id="rId1" Type="http://schemas.openxmlformats.org/officeDocument/2006/relationships/hyperlink" Target="http://en.wikipedia.org/wiki/Civil_engineering" TargetMode="External"/><Relationship Id="rId4"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3" Type="http://schemas.openxmlformats.org/officeDocument/2006/relationships/hyperlink" Target="http://en.wikipedia.org/wiki/Civil_engineering" TargetMode="External"/><Relationship Id="rId2" Type="http://schemas.openxmlformats.org/officeDocument/2006/relationships/hyperlink" Target="http://en.wikipedia.org/wiki/Concrete" TargetMode="External"/><Relationship Id="rId1" Type="http://schemas.openxmlformats.org/officeDocument/2006/relationships/hyperlink" Target="http://en.wikipedia.org/wiki/Road" TargetMode="External"/><Relationship Id="rId6" Type="http://schemas.openxmlformats.org/officeDocument/2006/relationships/printerSettings" Target="../printerSettings/printerSettings6.bin"/><Relationship Id="rId5" Type="http://schemas.openxmlformats.org/officeDocument/2006/relationships/hyperlink" Target="http://en.wikipedia.org/wiki/Computer" TargetMode="External"/><Relationship Id="rId4" Type="http://schemas.openxmlformats.org/officeDocument/2006/relationships/hyperlink" Target="http://en.wikipedia.org/wiki/Design"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Q41"/>
  <sheetViews>
    <sheetView zoomScaleNormal="100" workbookViewId="0"/>
  </sheetViews>
  <sheetFormatPr defaultRowHeight="15" x14ac:dyDescent="0.25"/>
  <cols>
    <col min="19" max="19" width="9.7109375" customWidth="1"/>
    <col min="20" max="20" width="0.7109375" customWidth="1"/>
  </cols>
  <sheetData>
    <row r="1" spans="1:17" ht="77.25" customHeight="1" thickBot="1" x14ac:dyDescent="0.3">
      <c r="A1" s="214" t="s">
        <v>3631</v>
      </c>
      <c r="C1" s="257" t="s">
        <v>2912</v>
      </c>
      <c r="D1" s="258"/>
      <c r="E1" s="258"/>
      <c r="F1" s="258"/>
      <c r="G1" s="258"/>
      <c r="H1" s="258"/>
      <c r="I1" s="258"/>
      <c r="J1" s="258"/>
      <c r="K1" s="258"/>
      <c r="L1" s="258"/>
      <c r="M1" s="258"/>
      <c r="N1" s="258"/>
      <c r="O1" s="258"/>
      <c r="P1" s="258"/>
      <c r="Q1" s="259"/>
    </row>
    <row r="2" spans="1:17" ht="4.5" customHeight="1" thickBot="1" x14ac:dyDescent="0.3">
      <c r="C2" s="8"/>
      <c r="D2" s="9"/>
      <c r="E2" s="9"/>
      <c r="F2" s="9"/>
      <c r="G2" s="9"/>
      <c r="H2" s="9"/>
      <c r="I2" s="9"/>
      <c r="J2" s="9"/>
      <c r="K2" s="9"/>
      <c r="L2" s="9"/>
      <c r="M2" s="9"/>
      <c r="N2" s="9"/>
      <c r="O2" s="9"/>
      <c r="P2" s="9"/>
      <c r="Q2" s="10"/>
    </row>
    <row r="3" spans="1:17" x14ac:dyDescent="0.25">
      <c r="C3" s="251" t="s">
        <v>3078</v>
      </c>
      <c r="D3" s="252"/>
      <c r="E3" s="252"/>
      <c r="F3" s="252"/>
      <c r="G3" s="252"/>
      <c r="H3" s="252"/>
      <c r="I3" s="252"/>
      <c r="J3" s="252"/>
      <c r="K3" s="252"/>
      <c r="L3" s="252"/>
      <c r="M3" s="252"/>
      <c r="N3" s="252"/>
      <c r="O3" s="252"/>
      <c r="P3" s="252"/>
      <c r="Q3" s="253"/>
    </row>
    <row r="4" spans="1:17" x14ac:dyDescent="0.25">
      <c r="C4" s="254"/>
      <c r="D4" s="255"/>
      <c r="E4" s="255"/>
      <c r="F4" s="255"/>
      <c r="G4" s="255"/>
      <c r="H4" s="255"/>
      <c r="I4" s="255"/>
      <c r="J4" s="255"/>
      <c r="K4" s="255"/>
      <c r="L4" s="255"/>
      <c r="M4" s="255"/>
      <c r="N4" s="255"/>
      <c r="O4" s="255"/>
      <c r="P4" s="255"/>
      <c r="Q4" s="256"/>
    </row>
    <row r="5" spans="1:17" x14ac:dyDescent="0.25">
      <c r="C5" s="254"/>
      <c r="D5" s="255"/>
      <c r="E5" s="255"/>
      <c r="F5" s="255"/>
      <c r="G5" s="255"/>
      <c r="H5" s="255"/>
      <c r="I5" s="255"/>
      <c r="J5" s="255"/>
      <c r="K5" s="255"/>
      <c r="L5" s="255"/>
      <c r="M5" s="255"/>
      <c r="N5" s="255"/>
      <c r="O5" s="255"/>
      <c r="P5" s="255"/>
      <c r="Q5" s="256"/>
    </row>
    <row r="6" spans="1:17" x14ac:dyDescent="0.25">
      <c r="C6" s="254"/>
      <c r="D6" s="255"/>
      <c r="E6" s="255"/>
      <c r="F6" s="255"/>
      <c r="G6" s="255"/>
      <c r="H6" s="255"/>
      <c r="I6" s="255"/>
      <c r="J6" s="255"/>
      <c r="K6" s="255"/>
      <c r="L6" s="255"/>
      <c r="M6" s="255"/>
      <c r="N6" s="255"/>
      <c r="O6" s="255"/>
      <c r="P6" s="255"/>
      <c r="Q6" s="256"/>
    </row>
    <row r="7" spans="1:17" x14ac:dyDescent="0.25">
      <c r="C7" s="254"/>
      <c r="D7" s="255"/>
      <c r="E7" s="255"/>
      <c r="F7" s="255"/>
      <c r="G7" s="255"/>
      <c r="H7" s="255"/>
      <c r="I7" s="255"/>
      <c r="J7" s="255"/>
      <c r="K7" s="255"/>
      <c r="L7" s="255"/>
      <c r="M7" s="255"/>
      <c r="N7" s="255"/>
      <c r="O7" s="255"/>
      <c r="P7" s="255"/>
      <c r="Q7" s="256"/>
    </row>
    <row r="8" spans="1:17" x14ac:dyDescent="0.25">
      <c r="C8" s="254"/>
      <c r="D8" s="255"/>
      <c r="E8" s="255"/>
      <c r="F8" s="255"/>
      <c r="G8" s="255"/>
      <c r="H8" s="255"/>
      <c r="I8" s="255"/>
      <c r="J8" s="255"/>
      <c r="K8" s="255"/>
      <c r="L8" s="255"/>
      <c r="M8" s="255"/>
      <c r="N8" s="255"/>
      <c r="O8" s="255"/>
      <c r="P8" s="255"/>
      <c r="Q8" s="256"/>
    </row>
    <row r="9" spans="1:17" x14ac:dyDescent="0.25">
      <c r="C9" s="254"/>
      <c r="D9" s="255"/>
      <c r="E9" s="255"/>
      <c r="F9" s="255"/>
      <c r="G9" s="255"/>
      <c r="H9" s="255"/>
      <c r="I9" s="255"/>
      <c r="J9" s="255"/>
      <c r="K9" s="255"/>
      <c r="L9" s="255"/>
      <c r="M9" s="255"/>
      <c r="N9" s="255"/>
      <c r="O9" s="255"/>
      <c r="P9" s="255"/>
      <c r="Q9" s="256"/>
    </row>
    <row r="10" spans="1:17" x14ac:dyDescent="0.25">
      <c r="C10" s="254"/>
      <c r="D10" s="255"/>
      <c r="E10" s="255"/>
      <c r="F10" s="255"/>
      <c r="G10" s="255"/>
      <c r="H10" s="255"/>
      <c r="I10" s="255"/>
      <c r="J10" s="255"/>
      <c r="K10" s="255"/>
      <c r="L10" s="255"/>
      <c r="M10" s="255"/>
      <c r="N10" s="255"/>
      <c r="O10" s="255"/>
      <c r="P10" s="255"/>
      <c r="Q10" s="256"/>
    </row>
    <row r="11" spans="1:17" x14ac:dyDescent="0.25">
      <c r="C11" s="254"/>
      <c r="D11" s="255"/>
      <c r="E11" s="255"/>
      <c r="F11" s="255"/>
      <c r="G11" s="255"/>
      <c r="H11" s="255"/>
      <c r="I11" s="255"/>
      <c r="J11" s="255"/>
      <c r="K11" s="255"/>
      <c r="L11" s="255"/>
      <c r="M11" s="255"/>
      <c r="N11" s="255"/>
      <c r="O11" s="255"/>
      <c r="P11" s="255"/>
      <c r="Q11" s="256"/>
    </row>
    <row r="12" spans="1:17" x14ac:dyDescent="0.25">
      <c r="C12" s="254"/>
      <c r="D12" s="255"/>
      <c r="E12" s="255"/>
      <c r="F12" s="255"/>
      <c r="G12" s="255"/>
      <c r="H12" s="255"/>
      <c r="I12" s="255"/>
      <c r="J12" s="255"/>
      <c r="K12" s="255"/>
      <c r="L12" s="255"/>
      <c r="M12" s="255"/>
      <c r="N12" s="255"/>
      <c r="O12" s="255"/>
      <c r="P12" s="255"/>
      <c r="Q12" s="256"/>
    </row>
    <row r="13" spans="1:17" x14ac:dyDescent="0.25">
      <c r="B13" s="6"/>
      <c r="C13" s="254"/>
      <c r="D13" s="255"/>
      <c r="E13" s="255"/>
      <c r="F13" s="255"/>
      <c r="G13" s="255"/>
      <c r="H13" s="255"/>
      <c r="I13" s="255"/>
      <c r="J13" s="255"/>
      <c r="K13" s="255"/>
      <c r="L13" s="255"/>
      <c r="M13" s="255"/>
      <c r="N13" s="255"/>
      <c r="O13" s="255"/>
      <c r="P13" s="255"/>
      <c r="Q13" s="256"/>
    </row>
    <row r="14" spans="1:17" x14ac:dyDescent="0.25">
      <c r="C14" s="254"/>
      <c r="D14" s="255"/>
      <c r="E14" s="255"/>
      <c r="F14" s="255"/>
      <c r="G14" s="255"/>
      <c r="H14" s="255"/>
      <c r="I14" s="255"/>
      <c r="J14" s="255"/>
      <c r="K14" s="255"/>
      <c r="L14" s="255"/>
      <c r="M14" s="255"/>
      <c r="N14" s="255"/>
      <c r="O14" s="255"/>
      <c r="P14" s="255"/>
      <c r="Q14" s="256"/>
    </row>
    <row r="15" spans="1:17" x14ac:dyDescent="0.25">
      <c r="C15" s="254"/>
      <c r="D15" s="255"/>
      <c r="E15" s="255"/>
      <c r="F15" s="255"/>
      <c r="G15" s="255"/>
      <c r="H15" s="255"/>
      <c r="I15" s="255"/>
      <c r="J15" s="255"/>
      <c r="K15" s="255"/>
      <c r="L15" s="255"/>
      <c r="M15" s="255"/>
      <c r="N15" s="255"/>
      <c r="O15" s="255"/>
      <c r="P15" s="255"/>
      <c r="Q15" s="256"/>
    </row>
    <row r="16" spans="1:17" x14ac:dyDescent="0.25">
      <c r="C16" s="254"/>
      <c r="D16" s="255"/>
      <c r="E16" s="255"/>
      <c r="F16" s="255"/>
      <c r="G16" s="255"/>
      <c r="H16" s="255"/>
      <c r="I16" s="255"/>
      <c r="J16" s="255"/>
      <c r="K16" s="255"/>
      <c r="L16" s="255"/>
      <c r="M16" s="255"/>
      <c r="N16" s="255"/>
      <c r="O16" s="255"/>
      <c r="P16" s="255"/>
      <c r="Q16" s="256"/>
    </row>
    <row r="17" spans="3:17" x14ac:dyDescent="0.25">
      <c r="C17" s="254"/>
      <c r="D17" s="255"/>
      <c r="E17" s="255"/>
      <c r="F17" s="255"/>
      <c r="G17" s="255"/>
      <c r="H17" s="255"/>
      <c r="I17" s="255"/>
      <c r="J17" s="255"/>
      <c r="K17" s="255"/>
      <c r="L17" s="255"/>
      <c r="M17" s="255"/>
      <c r="N17" s="255"/>
      <c r="O17" s="255"/>
      <c r="P17" s="255"/>
      <c r="Q17" s="256"/>
    </row>
    <row r="18" spans="3:17" x14ac:dyDescent="0.25">
      <c r="C18" s="254"/>
      <c r="D18" s="255"/>
      <c r="E18" s="255"/>
      <c r="F18" s="255"/>
      <c r="G18" s="255"/>
      <c r="H18" s="255"/>
      <c r="I18" s="255"/>
      <c r="J18" s="255"/>
      <c r="K18" s="255"/>
      <c r="L18" s="255"/>
      <c r="M18" s="255"/>
      <c r="N18" s="255"/>
      <c r="O18" s="255"/>
      <c r="P18" s="255"/>
      <c r="Q18" s="256"/>
    </row>
    <row r="19" spans="3:17" x14ac:dyDescent="0.25">
      <c r="C19" s="254"/>
      <c r="D19" s="255"/>
      <c r="E19" s="255"/>
      <c r="F19" s="255"/>
      <c r="G19" s="255"/>
      <c r="H19" s="255"/>
      <c r="I19" s="255"/>
      <c r="J19" s="255"/>
      <c r="K19" s="255"/>
      <c r="L19" s="255"/>
      <c r="M19" s="255"/>
      <c r="N19" s="255"/>
      <c r="O19" s="255"/>
      <c r="P19" s="255"/>
      <c r="Q19" s="256"/>
    </row>
    <row r="20" spans="3:17" x14ac:dyDescent="0.25">
      <c r="C20" s="254"/>
      <c r="D20" s="255"/>
      <c r="E20" s="255"/>
      <c r="F20" s="255"/>
      <c r="G20" s="255"/>
      <c r="H20" s="255"/>
      <c r="I20" s="255"/>
      <c r="J20" s="255"/>
      <c r="K20" s="255"/>
      <c r="L20" s="255"/>
      <c r="M20" s="255"/>
      <c r="N20" s="255"/>
      <c r="O20" s="255"/>
      <c r="P20" s="255"/>
      <c r="Q20" s="256"/>
    </row>
    <row r="21" spans="3:17" x14ac:dyDescent="0.25">
      <c r="C21" s="254"/>
      <c r="D21" s="255"/>
      <c r="E21" s="255"/>
      <c r="F21" s="255"/>
      <c r="G21" s="255"/>
      <c r="H21" s="255"/>
      <c r="I21" s="255"/>
      <c r="J21" s="255"/>
      <c r="K21" s="255"/>
      <c r="L21" s="255"/>
      <c r="M21" s="255"/>
      <c r="N21" s="255"/>
      <c r="O21" s="255"/>
      <c r="P21" s="255"/>
      <c r="Q21" s="256"/>
    </row>
    <row r="22" spans="3:17" x14ac:dyDescent="0.25">
      <c r="C22" s="254"/>
      <c r="D22" s="255"/>
      <c r="E22" s="255"/>
      <c r="F22" s="255"/>
      <c r="G22" s="255"/>
      <c r="H22" s="255"/>
      <c r="I22" s="255"/>
      <c r="J22" s="255"/>
      <c r="K22" s="255"/>
      <c r="L22" s="255"/>
      <c r="M22" s="255"/>
      <c r="N22" s="255"/>
      <c r="O22" s="255"/>
      <c r="P22" s="255"/>
      <c r="Q22" s="256"/>
    </row>
    <row r="23" spans="3:17" x14ac:dyDescent="0.25">
      <c r="C23" s="254"/>
      <c r="D23" s="255"/>
      <c r="E23" s="255"/>
      <c r="F23" s="255"/>
      <c r="G23" s="255"/>
      <c r="H23" s="255"/>
      <c r="I23" s="255"/>
      <c r="J23" s="255"/>
      <c r="K23" s="255"/>
      <c r="L23" s="255"/>
      <c r="M23" s="255"/>
      <c r="N23" s="255"/>
      <c r="O23" s="255"/>
      <c r="P23" s="255"/>
      <c r="Q23" s="256"/>
    </row>
    <row r="24" spans="3:17" x14ac:dyDescent="0.25">
      <c r="C24" s="254"/>
      <c r="D24" s="255"/>
      <c r="E24" s="255"/>
      <c r="F24" s="255"/>
      <c r="G24" s="255"/>
      <c r="H24" s="255"/>
      <c r="I24" s="255"/>
      <c r="J24" s="255"/>
      <c r="K24" s="255"/>
      <c r="L24" s="255"/>
      <c r="M24" s="255"/>
      <c r="N24" s="255"/>
      <c r="O24" s="255"/>
      <c r="P24" s="255"/>
      <c r="Q24" s="256"/>
    </row>
    <row r="25" spans="3:17" x14ac:dyDescent="0.25">
      <c r="C25" s="254"/>
      <c r="D25" s="255"/>
      <c r="E25" s="255"/>
      <c r="F25" s="255"/>
      <c r="G25" s="255"/>
      <c r="H25" s="255"/>
      <c r="I25" s="255"/>
      <c r="J25" s="255"/>
      <c r="K25" s="255"/>
      <c r="L25" s="255"/>
      <c r="M25" s="255"/>
      <c r="N25" s="255"/>
      <c r="O25" s="255"/>
      <c r="P25" s="255"/>
      <c r="Q25" s="256"/>
    </row>
    <row r="26" spans="3:17" x14ac:dyDescent="0.25">
      <c r="C26" s="254"/>
      <c r="D26" s="255"/>
      <c r="E26" s="255"/>
      <c r="F26" s="255"/>
      <c r="G26" s="255"/>
      <c r="H26" s="255"/>
      <c r="I26" s="255"/>
      <c r="J26" s="255"/>
      <c r="K26" s="255"/>
      <c r="L26" s="255"/>
      <c r="M26" s="255"/>
      <c r="N26" s="255"/>
      <c r="O26" s="255"/>
      <c r="P26" s="255"/>
      <c r="Q26" s="256"/>
    </row>
    <row r="27" spans="3:17" x14ac:dyDescent="0.25">
      <c r="C27" s="254"/>
      <c r="D27" s="255"/>
      <c r="E27" s="255"/>
      <c r="F27" s="255"/>
      <c r="G27" s="255"/>
      <c r="H27" s="255"/>
      <c r="I27" s="255"/>
      <c r="J27" s="255"/>
      <c r="K27" s="255"/>
      <c r="L27" s="255"/>
      <c r="M27" s="255"/>
      <c r="N27" s="255"/>
      <c r="O27" s="255"/>
      <c r="P27" s="255"/>
      <c r="Q27" s="256"/>
    </row>
    <row r="28" spans="3:17" x14ac:dyDescent="0.25">
      <c r="C28" s="254"/>
      <c r="D28" s="255"/>
      <c r="E28" s="255"/>
      <c r="F28" s="255"/>
      <c r="G28" s="255"/>
      <c r="H28" s="255"/>
      <c r="I28" s="255"/>
      <c r="J28" s="255"/>
      <c r="K28" s="255"/>
      <c r="L28" s="255"/>
      <c r="M28" s="255"/>
      <c r="N28" s="255"/>
      <c r="O28" s="255"/>
      <c r="P28" s="255"/>
      <c r="Q28" s="256"/>
    </row>
    <row r="29" spans="3:17" x14ac:dyDescent="0.25">
      <c r="C29" s="254"/>
      <c r="D29" s="255"/>
      <c r="E29" s="255"/>
      <c r="F29" s="255"/>
      <c r="G29" s="255"/>
      <c r="H29" s="255"/>
      <c r="I29" s="255"/>
      <c r="J29" s="255"/>
      <c r="K29" s="255"/>
      <c r="L29" s="255"/>
      <c r="M29" s="255"/>
      <c r="N29" s="255"/>
      <c r="O29" s="255"/>
      <c r="P29" s="255"/>
      <c r="Q29" s="256"/>
    </row>
    <row r="30" spans="3:17" x14ac:dyDescent="0.25">
      <c r="C30" s="254"/>
      <c r="D30" s="255"/>
      <c r="E30" s="255"/>
      <c r="F30" s="255"/>
      <c r="G30" s="255"/>
      <c r="H30" s="255"/>
      <c r="I30" s="255"/>
      <c r="J30" s="255"/>
      <c r="K30" s="255"/>
      <c r="L30" s="255"/>
      <c r="M30" s="255"/>
      <c r="N30" s="255"/>
      <c r="O30" s="255"/>
      <c r="P30" s="255"/>
      <c r="Q30" s="256"/>
    </row>
    <row r="31" spans="3:17" x14ac:dyDescent="0.25">
      <c r="C31" s="254"/>
      <c r="D31" s="255"/>
      <c r="E31" s="255"/>
      <c r="F31" s="255"/>
      <c r="G31" s="255"/>
      <c r="H31" s="255"/>
      <c r="I31" s="255"/>
      <c r="J31" s="255"/>
      <c r="K31" s="255"/>
      <c r="L31" s="255"/>
      <c r="M31" s="255"/>
      <c r="N31" s="255"/>
      <c r="O31" s="255"/>
      <c r="P31" s="255"/>
      <c r="Q31" s="256"/>
    </row>
    <row r="32" spans="3:17" x14ac:dyDescent="0.25">
      <c r="C32" s="254"/>
      <c r="D32" s="255"/>
      <c r="E32" s="255"/>
      <c r="F32" s="255"/>
      <c r="G32" s="255"/>
      <c r="H32" s="255"/>
      <c r="I32" s="255"/>
      <c r="J32" s="255"/>
      <c r="K32" s="255"/>
      <c r="L32" s="255"/>
      <c r="M32" s="255"/>
      <c r="N32" s="255"/>
      <c r="O32" s="255"/>
      <c r="P32" s="255"/>
      <c r="Q32" s="256"/>
    </row>
    <row r="33" spans="3:17" x14ac:dyDescent="0.25">
      <c r="C33" s="254"/>
      <c r="D33" s="255"/>
      <c r="E33" s="255"/>
      <c r="F33" s="255"/>
      <c r="G33" s="255"/>
      <c r="H33" s="255"/>
      <c r="I33" s="255"/>
      <c r="J33" s="255"/>
      <c r="K33" s="255"/>
      <c r="L33" s="255"/>
      <c r="M33" s="255"/>
      <c r="N33" s="255"/>
      <c r="O33" s="255"/>
      <c r="P33" s="255"/>
      <c r="Q33" s="256"/>
    </row>
    <row r="34" spans="3:17" ht="19.5" customHeight="1" x14ac:dyDescent="0.25">
      <c r="C34" s="254"/>
      <c r="D34" s="255"/>
      <c r="E34" s="255"/>
      <c r="F34" s="255"/>
      <c r="G34" s="255"/>
      <c r="H34" s="255"/>
      <c r="I34" s="255"/>
      <c r="J34" s="255"/>
      <c r="K34" s="255"/>
      <c r="L34" s="255"/>
      <c r="M34" s="255"/>
      <c r="N34" s="255"/>
      <c r="O34" s="255"/>
      <c r="P34" s="255"/>
      <c r="Q34" s="256"/>
    </row>
    <row r="35" spans="3:17" hidden="1" x14ac:dyDescent="0.25">
      <c r="C35" s="254"/>
      <c r="D35" s="255"/>
      <c r="E35" s="255"/>
      <c r="F35" s="255"/>
      <c r="G35" s="255"/>
      <c r="H35" s="255"/>
      <c r="I35" s="255"/>
      <c r="J35" s="255"/>
      <c r="K35" s="255"/>
      <c r="L35" s="255"/>
      <c r="M35" s="255"/>
      <c r="N35" s="255"/>
      <c r="O35" s="255"/>
      <c r="P35" s="255"/>
      <c r="Q35" s="256"/>
    </row>
    <row r="36" spans="3:17" hidden="1" x14ac:dyDescent="0.25">
      <c r="C36" s="254"/>
      <c r="D36" s="255"/>
      <c r="E36" s="255"/>
      <c r="F36" s="255"/>
      <c r="G36" s="255"/>
      <c r="H36" s="255"/>
      <c r="I36" s="255"/>
      <c r="J36" s="255"/>
      <c r="K36" s="255"/>
      <c r="L36" s="255"/>
      <c r="M36" s="255"/>
      <c r="N36" s="255"/>
      <c r="O36" s="255"/>
      <c r="P36" s="255"/>
      <c r="Q36" s="256"/>
    </row>
    <row r="37" spans="3:17" hidden="1" x14ac:dyDescent="0.25">
      <c r="C37" s="254"/>
      <c r="D37" s="255"/>
      <c r="E37" s="255"/>
      <c r="F37" s="255"/>
      <c r="G37" s="255"/>
      <c r="H37" s="255"/>
      <c r="I37" s="255"/>
      <c r="J37" s="255"/>
      <c r="K37" s="255"/>
      <c r="L37" s="255"/>
      <c r="M37" s="255"/>
      <c r="N37" s="255"/>
      <c r="O37" s="255"/>
      <c r="P37" s="255"/>
      <c r="Q37" s="256"/>
    </row>
    <row r="38" spans="3:17" hidden="1" x14ac:dyDescent="0.25">
      <c r="C38" s="254"/>
      <c r="D38" s="255"/>
      <c r="E38" s="255"/>
      <c r="F38" s="255"/>
      <c r="G38" s="255"/>
      <c r="H38" s="255"/>
      <c r="I38" s="255"/>
      <c r="J38" s="255"/>
      <c r="K38" s="255"/>
      <c r="L38" s="255"/>
      <c r="M38" s="255"/>
      <c r="N38" s="255"/>
      <c r="O38" s="255"/>
      <c r="P38" s="255"/>
      <c r="Q38" s="256"/>
    </row>
    <row r="39" spans="3:17" hidden="1" x14ac:dyDescent="0.25">
      <c r="C39" s="254"/>
      <c r="D39" s="255"/>
      <c r="E39" s="255"/>
      <c r="F39" s="255"/>
      <c r="G39" s="255"/>
      <c r="H39" s="255"/>
      <c r="I39" s="255"/>
      <c r="J39" s="255"/>
      <c r="K39" s="255"/>
      <c r="L39" s="255"/>
      <c r="M39" s="255"/>
      <c r="N39" s="255"/>
      <c r="O39" s="255"/>
      <c r="P39" s="255"/>
      <c r="Q39" s="256"/>
    </row>
    <row r="40" spans="3:17" hidden="1" x14ac:dyDescent="0.25">
      <c r="C40" s="254"/>
      <c r="D40" s="255"/>
      <c r="E40" s="255"/>
      <c r="F40" s="255"/>
      <c r="G40" s="255"/>
      <c r="H40" s="255"/>
      <c r="I40" s="255"/>
      <c r="J40" s="255"/>
      <c r="K40" s="255"/>
      <c r="L40" s="255"/>
      <c r="M40" s="255"/>
      <c r="N40" s="255"/>
      <c r="O40" s="255"/>
      <c r="P40" s="255"/>
      <c r="Q40" s="256"/>
    </row>
    <row r="41" spans="3:17" x14ac:dyDescent="0.25">
      <c r="C41" s="7"/>
      <c r="D41" s="7"/>
      <c r="E41" s="7"/>
      <c r="F41" s="7"/>
      <c r="G41" s="7"/>
      <c r="H41" s="7"/>
      <c r="I41" s="7"/>
      <c r="J41" s="7"/>
      <c r="K41" s="7"/>
      <c r="L41" s="7"/>
      <c r="M41" s="7"/>
      <c r="N41" s="7"/>
      <c r="O41" s="7"/>
      <c r="P41" s="7"/>
      <c r="Q41" s="7"/>
    </row>
  </sheetData>
  <mergeCells count="2">
    <mergeCell ref="C3:Q40"/>
    <mergeCell ref="C1:Q1"/>
  </mergeCells>
  <pageMargins left="0.7" right="0.7" top="0.75" bottom="0.75" header="0.3" footer="0.3"/>
  <pageSetup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E278"/>
  <sheetViews>
    <sheetView tabSelected="1" zoomScale="90" zoomScaleNormal="90" zoomScalePageLayoutView="60" workbookViewId="0">
      <pane ySplit="2" topLeftCell="A23" activePane="bottomLeft" state="frozen"/>
      <selection pane="bottomLeft" activeCell="D29" sqref="D29"/>
    </sheetView>
  </sheetViews>
  <sheetFormatPr defaultColWidth="48.140625" defaultRowHeight="14.25" x14ac:dyDescent="0.25"/>
  <cols>
    <col min="1" max="1" width="16" style="12" bestFit="1" customWidth="1"/>
    <col min="2" max="2" width="42.28515625" style="12" customWidth="1"/>
    <col min="3" max="3" width="66.42578125" style="12" customWidth="1"/>
    <col min="4" max="4" width="38" style="223" customWidth="1"/>
    <col min="5" max="5" width="53.140625" style="12" customWidth="1"/>
    <col min="6" max="16384" width="48.140625" style="30"/>
  </cols>
  <sheetData>
    <row r="1" spans="1:5" x14ac:dyDescent="0.25">
      <c r="D1" s="215" t="s">
        <v>3632</v>
      </c>
    </row>
    <row r="2" spans="1:5" s="227" customFormat="1" ht="15" x14ac:dyDescent="0.25">
      <c r="A2" s="11" t="s">
        <v>0</v>
      </c>
      <c r="B2" s="11" t="s">
        <v>1</v>
      </c>
      <c r="C2" s="11" t="s">
        <v>2</v>
      </c>
      <c r="D2" s="15" t="s">
        <v>3</v>
      </c>
      <c r="E2" s="11" t="s">
        <v>4</v>
      </c>
    </row>
    <row r="3" spans="1:5" ht="42.75" x14ac:dyDescent="0.25">
      <c r="A3" s="221" t="s">
        <v>60</v>
      </c>
      <c r="B3" s="221" t="s">
        <v>61</v>
      </c>
      <c r="C3" s="228" t="s">
        <v>3658</v>
      </c>
      <c r="D3" s="223" t="s">
        <v>3301</v>
      </c>
      <c r="E3" s="223" t="s">
        <v>3629</v>
      </c>
    </row>
    <row r="4" spans="1:5" ht="71.25" x14ac:dyDescent="0.25">
      <c r="A4" s="221" t="s">
        <v>63</v>
      </c>
      <c r="B4" s="221" t="s">
        <v>59</v>
      </c>
      <c r="C4" s="228" t="s">
        <v>3659</v>
      </c>
      <c r="D4" s="223" t="s">
        <v>3303</v>
      </c>
      <c r="E4" s="223" t="s">
        <v>3629</v>
      </c>
    </row>
    <row r="5" spans="1:5" s="213" customFormat="1" ht="57" x14ac:dyDescent="0.25">
      <c r="A5" s="221" t="s">
        <v>3304</v>
      </c>
      <c r="B5" s="222" t="s">
        <v>3305</v>
      </c>
      <c r="C5" s="223" t="s">
        <v>3306</v>
      </c>
      <c r="D5" s="223" t="s">
        <v>3303</v>
      </c>
      <c r="E5" s="225" t="s">
        <v>3307</v>
      </c>
    </row>
    <row r="6" spans="1:5" s="2" customFormat="1" ht="42.75" x14ac:dyDescent="0.25">
      <c r="A6" s="19" t="s">
        <v>3062</v>
      </c>
      <c r="B6" s="5" t="s">
        <v>3063</v>
      </c>
      <c r="C6" s="4" t="s">
        <v>3079</v>
      </c>
      <c r="D6" s="4" t="s">
        <v>2778</v>
      </c>
      <c r="E6" s="4" t="s">
        <v>3629</v>
      </c>
    </row>
    <row r="7" spans="1:5" s="2" customFormat="1" ht="51" x14ac:dyDescent="0.25">
      <c r="A7" s="263" t="s">
        <v>3729</v>
      </c>
      <c r="B7" s="263" t="s">
        <v>3730</v>
      </c>
      <c r="C7" s="250" t="s">
        <v>3731</v>
      </c>
      <c r="D7" s="240" t="s">
        <v>3733</v>
      </c>
      <c r="E7" s="263" t="s">
        <v>3735</v>
      </c>
    </row>
    <row r="8" spans="1:5" s="2" customFormat="1" ht="15" x14ac:dyDescent="0.25">
      <c r="A8" s="261"/>
      <c r="B8" s="261"/>
      <c r="C8" s="239" t="s">
        <v>3732</v>
      </c>
      <c r="D8" s="243" t="s">
        <v>3734</v>
      </c>
      <c r="E8" s="261"/>
    </row>
    <row r="9" spans="1:5" ht="15" x14ac:dyDescent="0.25">
      <c r="A9" s="261"/>
      <c r="B9" s="261"/>
      <c r="C9" s="241"/>
      <c r="D9" s="240" t="s">
        <v>3736</v>
      </c>
      <c r="E9" s="261"/>
    </row>
    <row r="10" spans="1:5" s="2" customFormat="1" ht="15.75" thickBot="1" x14ac:dyDescent="0.3">
      <c r="A10" s="262"/>
      <c r="B10" s="262"/>
      <c r="C10" s="242"/>
      <c r="D10" s="244"/>
      <c r="E10" s="262"/>
    </row>
    <row r="11" spans="1:5" s="2" customFormat="1" ht="38.25" x14ac:dyDescent="0.25">
      <c r="A11" s="260" t="s">
        <v>3737</v>
      </c>
      <c r="B11" s="260" t="s">
        <v>3738</v>
      </c>
      <c r="C11" s="250" t="s">
        <v>3739</v>
      </c>
      <c r="D11" s="240" t="s">
        <v>3733</v>
      </c>
      <c r="E11" s="260" t="s">
        <v>3735</v>
      </c>
    </row>
    <row r="12" spans="1:5" s="37" customFormat="1" ht="15" x14ac:dyDescent="0.25">
      <c r="A12" s="261"/>
      <c r="B12" s="261"/>
      <c r="C12" s="239" t="s">
        <v>3740</v>
      </c>
      <c r="D12" s="243" t="s">
        <v>3734</v>
      </c>
      <c r="E12" s="261"/>
    </row>
    <row r="13" spans="1:5" s="37" customFormat="1" ht="15" x14ac:dyDescent="0.25">
      <c r="A13" s="261"/>
      <c r="B13" s="261"/>
      <c r="C13" s="239" t="s">
        <v>3741</v>
      </c>
      <c r="D13" s="240" t="s">
        <v>3736</v>
      </c>
      <c r="E13" s="261"/>
    </row>
    <row r="14" spans="1:5" s="37" customFormat="1" ht="15" x14ac:dyDescent="0.25">
      <c r="A14" s="261"/>
      <c r="B14" s="261"/>
      <c r="C14" s="239" t="s">
        <v>3742</v>
      </c>
      <c r="D14" s="246"/>
      <c r="E14" s="261"/>
    </row>
    <row r="15" spans="1:5" s="2" customFormat="1" ht="15" x14ac:dyDescent="0.25">
      <c r="A15" s="261"/>
      <c r="B15" s="261"/>
      <c r="C15" s="239" t="s">
        <v>3743</v>
      </c>
      <c r="D15" s="247"/>
      <c r="E15" s="261"/>
    </row>
    <row r="16" spans="1:5" s="2" customFormat="1" ht="15" x14ac:dyDescent="0.25">
      <c r="A16" s="261"/>
      <c r="B16" s="261"/>
      <c r="C16" s="239" t="s">
        <v>3744</v>
      </c>
      <c r="D16" s="247"/>
      <c r="E16" s="261"/>
    </row>
    <row r="17" spans="1:5" ht="15" x14ac:dyDescent="0.25">
      <c r="A17" s="261"/>
      <c r="B17" s="261"/>
      <c r="C17" s="239" t="s">
        <v>3745</v>
      </c>
      <c r="D17" s="247"/>
      <c r="E17" s="261"/>
    </row>
    <row r="18" spans="1:5" s="2" customFormat="1" ht="15.75" thickBot="1" x14ac:dyDescent="0.3">
      <c r="A18" s="262"/>
      <c r="B18" s="262"/>
      <c r="C18" s="245"/>
      <c r="D18" s="248"/>
      <c r="E18" s="262"/>
    </row>
    <row r="19" spans="1:5" s="2" customFormat="1" ht="57" x14ac:dyDescent="0.25">
      <c r="A19" s="5" t="s">
        <v>94</v>
      </c>
      <c r="B19" s="5" t="s">
        <v>95</v>
      </c>
      <c r="C19" s="4" t="s">
        <v>96</v>
      </c>
      <c r="D19" s="4" t="s">
        <v>2774</v>
      </c>
      <c r="E19" s="4" t="s">
        <v>2785</v>
      </c>
    </row>
    <row r="20" spans="1:5" s="2" customFormat="1" ht="57" x14ac:dyDescent="0.25">
      <c r="A20" s="5" t="s">
        <v>97</v>
      </c>
      <c r="B20" s="5" t="s">
        <v>98</v>
      </c>
      <c r="C20" s="4" t="s">
        <v>99</v>
      </c>
      <c r="D20" s="4" t="s">
        <v>2774</v>
      </c>
      <c r="E20" s="4" t="s">
        <v>2703</v>
      </c>
    </row>
    <row r="21" spans="1:5" s="213" customFormat="1" ht="42.75" x14ac:dyDescent="0.25">
      <c r="A21" s="221" t="s">
        <v>100</v>
      </c>
      <c r="B21" s="229" t="s">
        <v>3660</v>
      </c>
      <c r="C21" s="44" t="s">
        <v>3661</v>
      </c>
      <c r="D21" s="226" t="s">
        <v>3323</v>
      </c>
      <c r="E21" s="225" t="s">
        <v>2703</v>
      </c>
    </row>
    <row r="22" spans="1:5" s="2" customFormat="1" ht="57" x14ac:dyDescent="0.25">
      <c r="A22" s="5" t="s">
        <v>103</v>
      </c>
      <c r="B22" s="5" t="s">
        <v>104</v>
      </c>
      <c r="C22" s="4" t="s">
        <v>105</v>
      </c>
      <c r="D22" s="4" t="s">
        <v>2775</v>
      </c>
      <c r="E22" s="4" t="s">
        <v>2703</v>
      </c>
    </row>
    <row r="23" spans="1:5" s="2" customFormat="1" ht="57" x14ac:dyDescent="0.25">
      <c r="A23" s="5" t="s">
        <v>106</v>
      </c>
      <c r="B23" s="5" t="s">
        <v>107</v>
      </c>
      <c r="C23" s="4" t="s">
        <v>108</v>
      </c>
      <c r="D23" s="4" t="s">
        <v>3328</v>
      </c>
      <c r="E23" s="4" t="s">
        <v>2703</v>
      </c>
    </row>
    <row r="24" spans="1:5" s="2" customFormat="1" ht="57" x14ac:dyDescent="0.25">
      <c r="A24" s="5" t="s">
        <v>109</v>
      </c>
      <c r="B24" s="5" t="s">
        <v>110</v>
      </c>
      <c r="C24" s="4" t="s">
        <v>111</v>
      </c>
      <c r="D24" s="4" t="s">
        <v>3328</v>
      </c>
      <c r="E24" s="4" t="s">
        <v>2735</v>
      </c>
    </row>
    <row r="25" spans="1:5" s="2" customFormat="1" ht="51" x14ac:dyDescent="0.25">
      <c r="A25" s="5" t="s">
        <v>112</v>
      </c>
      <c r="B25" s="5" t="s">
        <v>113</v>
      </c>
      <c r="C25" s="4" t="s">
        <v>114</v>
      </c>
      <c r="D25" s="149" t="s">
        <v>3325</v>
      </c>
      <c r="E25" s="4" t="s">
        <v>2735</v>
      </c>
    </row>
    <row r="26" spans="1:5" s="2" customFormat="1" ht="42.75" x14ac:dyDescent="0.25">
      <c r="A26" s="5" t="s">
        <v>115</v>
      </c>
      <c r="B26" s="5" t="s">
        <v>116</v>
      </c>
      <c r="C26" s="4" t="s">
        <v>117</v>
      </c>
      <c r="D26" s="4" t="s">
        <v>3327</v>
      </c>
      <c r="E26" s="5" t="s">
        <v>118</v>
      </c>
    </row>
    <row r="27" spans="1:5" s="37" customFormat="1" ht="57" x14ac:dyDescent="0.25">
      <c r="A27" s="142" t="s">
        <v>3329</v>
      </c>
      <c r="B27" s="143" t="s">
        <v>3330</v>
      </c>
      <c r="C27" s="144" t="s">
        <v>3331</v>
      </c>
      <c r="D27" s="149" t="s">
        <v>3332</v>
      </c>
      <c r="E27" s="146" t="s">
        <v>2736</v>
      </c>
    </row>
    <row r="28" spans="1:5" s="2" customFormat="1" ht="42.75" x14ac:dyDescent="0.25">
      <c r="A28" s="5" t="s">
        <v>119</v>
      </c>
      <c r="B28" s="5" t="s">
        <v>120</v>
      </c>
      <c r="C28" s="4" t="s">
        <v>121</v>
      </c>
      <c r="D28" s="4" t="s">
        <v>3333</v>
      </c>
      <c r="E28" s="5" t="s">
        <v>118</v>
      </c>
    </row>
    <row r="29" spans="1:5" s="2" customFormat="1" ht="57" x14ac:dyDescent="0.25">
      <c r="A29" s="5" t="s">
        <v>122</v>
      </c>
      <c r="B29" s="5" t="s">
        <v>123</v>
      </c>
      <c r="C29" s="4" t="s">
        <v>124</v>
      </c>
      <c r="D29" s="4" t="s">
        <v>3746</v>
      </c>
      <c r="E29" s="4" t="s">
        <v>2736</v>
      </c>
    </row>
    <row r="30" spans="1:5" s="37" customFormat="1" ht="76.5" x14ac:dyDescent="0.25">
      <c r="A30" s="142" t="s">
        <v>125</v>
      </c>
      <c r="B30" s="143" t="s">
        <v>126</v>
      </c>
      <c r="C30" s="144" t="s">
        <v>130</v>
      </c>
      <c r="D30" s="149" t="s">
        <v>3335</v>
      </c>
      <c r="E30" s="145" t="s">
        <v>2736</v>
      </c>
    </row>
    <row r="31" spans="1:5" s="2" customFormat="1" ht="57" x14ac:dyDescent="0.25">
      <c r="A31" s="5" t="s">
        <v>127</v>
      </c>
      <c r="B31" s="221" t="s">
        <v>3695</v>
      </c>
      <c r="C31" s="4" t="s">
        <v>129</v>
      </c>
      <c r="D31" s="4" t="s">
        <v>3337</v>
      </c>
      <c r="E31" s="4" t="s">
        <v>2737</v>
      </c>
    </row>
    <row r="32" spans="1:5" s="1" customFormat="1" ht="76.5" x14ac:dyDescent="0.2">
      <c r="A32" s="21" t="s">
        <v>134</v>
      </c>
      <c r="B32" s="21" t="s">
        <v>132</v>
      </c>
      <c r="C32" s="4" t="s">
        <v>2794</v>
      </c>
      <c r="D32" s="149" t="s">
        <v>3335</v>
      </c>
      <c r="E32" s="4" t="s">
        <v>2736</v>
      </c>
    </row>
    <row r="33" spans="1:5" s="37" customFormat="1" ht="99.75" x14ac:dyDescent="0.25">
      <c r="A33" s="150" t="s">
        <v>3338</v>
      </c>
      <c r="B33" s="143" t="s">
        <v>3339</v>
      </c>
      <c r="C33" s="144" t="s">
        <v>3340</v>
      </c>
      <c r="D33" s="149" t="s">
        <v>3341</v>
      </c>
      <c r="E33" s="145" t="s">
        <v>2736</v>
      </c>
    </row>
    <row r="34" spans="1:5" s="1" customFormat="1" ht="85.5" x14ac:dyDescent="0.2">
      <c r="A34" s="5" t="s">
        <v>135</v>
      </c>
      <c r="B34" s="5" t="s">
        <v>136</v>
      </c>
      <c r="C34" s="4" t="s">
        <v>137</v>
      </c>
      <c r="D34" s="149" t="s">
        <v>3343</v>
      </c>
      <c r="E34" s="4" t="s">
        <v>2785</v>
      </c>
    </row>
    <row r="35" spans="1:5" s="1" customFormat="1" ht="85.5" x14ac:dyDescent="0.2">
      <c r="A35" s="5" t="s">
        <v>3040</v>
      </c>
      <c r="B35" s="5" t="s">
        <v>3041</v>
      </c>
      <c r="C35" s="22" t="s">
        <v>3042</v>
      </c>
      <c r="D35" s="4" t="s">
        <v>3345</v>
      </c>
      <c r="E35" s="4" t="s">
        <v>2741</v>
      </c>
    </row>
    <row r="36" spans="1:5" s="1" customFormat="1" ht="57" x14ac:dyDescent="0.2">
      <c r="A36" s="5" t="s">
        <v>139</v>
      </c>
      <c r="B36" s="5" t="s">
        <v>138</v>
      </c>
      <c r="C36" s="4" t="s">
        <v>140</v>
      </c>
      <c r="D36" s="4" t="s">
        <v>2774</v>
      </c>
      <c r="E36" s="4" t="s">
        <v>2703</v>
      </c>
    </row>
    <row r="37" spans="1:5" s="1" customFormat="1" ht="57" x14ac:dyDescent="0.2">
      <c r="A37" s="5" t="s">
        <v>142</v>
      </c>
      <c r="B37" s="5" t="s">
        <v>3350</v>
      </c>
      <c r="C37" s="12" t="s">
        <v>143</v>
      </c>
      <c r="D37" s="4" t="s">
        <v>2774</v>
      </c>
      <c r="E37" s="4" t="s">
        <v>2703</v>
      </c>
    </row>
    <row r="38" spans="1:5" s="1" customFormat="1" ht="57" x14ac:dyDescent="0.2">
      <c r="A38" s="5" t="s">
        <v>144</v>
      </c>
      <c r="B38" s="5" t="s">
        <v>3349</v>
      </c>
      <c r="C38" s="4" t="s">
        <v>145</v>
      </c>
      <c r="D38" s="144" t="s">
        <v>2774</v>
      </c>
      <c r="E38" s="4" t="s">
        <v>2703</v>
      </c>
    </row>
    <row r="39" spans="1:5" s="1" customFormat="1" ht="85.5" x14ac:dyDescent="0.2">
      <c r="A39" s="5" t="s">
        <v>146</v>
      </c>
      <c r="B39" s="5" t="s">
        <v>147</v>
      </c>
      <c r="C39" s="5" t="s">
        <v>148</v>
      </c>
      <c r="D39" s="144" t="s">
        <v>2774</v>
      </c>
      <c r="E39" s="4" t="s">
        <v>2703</v>
      </c>
    </row>
    <row r="40" spans="1:5" s="1" customFormat="1" ht="42.75" x14ac:dyDescent="0.2">
      <c r="A40" s="5" t="s">
        <v>149</v>
      </c>
      <c r="B40" s="5" t="s">
        <v>150</v>
      </c>
      <c r="C40" s="4" t="s">
        <v>151</v>
      </c>
      <c r="D40" s="4" t="s">
        <v>3352</v>
      </c>
      <c r="E40" s="4" t="s">
        <v>2738</v>
      </c>
    </row>
    <row r="41" spans="1:5" s="37" customFormat="1" ht="28.5" x14ac:dyDescent="0.25">
      <c r="A41" s="142" t="s">
        <v>3354</v>
      </c>
      <c r="B41" s="143" t="s">
        <v>3355</v>
      </c>
      <c r="C41" s="144" t="s">
        <v>3357</v>
      </c>
      <c r="D41" s="149" t="s">
        <v>3356</v>
      </c>
      <c r="E41" s="145" t="s">
        <v>2738</v>
      </c>
    </row>
    <row r="42" spans="1:5" s="37" customFormat="1" ht="71.25" x14ac:dyDescent="0.25">
      <c r="A42" s="5" t="s">
        <v>152</v>
      </c>
      <c r="B42" s="5" t="s">
        <v>153</v>
      </c>
      <c r="C42" s="4" t="s">
        <v>2786</v>
      </c>
      <c r="D42" s="4" t="s">
        <v>3353</v>
      </c>
      <c r="E42" s="145" t="s">
        <v>3359</v>
      </c>
    </row>
    <row r="43" spans="1:5" s="1" customFormat="1" ht="85.5" x14ac:dyDescent="0.2">
      <c r="A43" s="5" t="s">
        <v>155</v>
      </c>
      <c r="B43" s="5" t="s">
        <v>156</v>
      </c>
      <c r="C43" s="4" t="s">
        <v>157</v>
      </c>
      <c r="D43" s="4" t="s">
        <v>3495</v>
      </c>
      <c r="E43" s="4" t="s">
        <v>2739</v>
      </c>
    </row>
    <row r="44" spans="1:5" s="37" customFormat="1" ht="57" x14ac:dyDescent="0.25">
      <c r="A44" s="142" t="s">
        <v>3361</v>
      </c>
      <c r="B44" s="143" t="s">
        <v>3360</v>
      </c>
      <c r="C44" s="171" t="s">
        <v>496</v>
      </c>
      <c r="D44" s="65" t="s">
        <v>3244</v>
      </c>
      <c r="E44" s="173" t="s">
        <v>2757</v>
      </c>
    </row>
    <row r="45" spans="1:5" s="1" customFormat="1" ht="51" x14ac:dyDescent="0.2">
      <c r="A45" s="5" t="s">
        <v>159</v>
      </c>
      <c r="B45" s="5" t="s">
        <v>158</v>
      </c>
      <c r="C45" s="4" t="s">
        <v>160</v>
      </c>
      <c r="D45" s="149" t="s">
        <v>3363</v>
      </c>
      <c r="E45" s="4" t="s">
        <v>2740</v>
      </c>
    </row>
    <row r="46" spans="1:5" s="1" customFormat="1" ht="51" x14ac:dyDescent="0.2">
      <c r="A46" s="5" t="s">
        <v>161</v>
      </c>
      <c r="B46" s="5" t="s">
        <v>162</v>
      </c>
      <c r="C46" s="4" t="s">
        <v>163</v>
      </c>
      <c r="D46" s="149" t="s">
        <v>3363</v>
      </c>
      <c r="E46" s="4" t="s">
        <v>2740</v>
      </c>
    </row>
    <row r="47" spans="1:5" s="1" customFormat="1" ht="57" x14ac:dyDescent="0.2">
      <c r="A47" s="5" t="s">
        <v>164</v>
      </c>
      <c r="B47" s="5" t="s">
        <v>165</v>
      </c>
      <c r="C47" s="4" t="s">
        <v>166</v>
      </c>
      <c r="D47" s="149" t="s">
        <v>3363</v>
      </c>
      <c r="E47" s="4" t="s">
        <v>2740</v>
      </c>
    </row>
    <row r="48" spans="1:5" s="1" customFormat="1" ht="51" x14ac:dyDescent="0.2">
      <c r="A48" s="5" t="s">
        <v>167</v>
      </c>
      <c r="B48" s="5" t="s">
        <v>168</v>
      </c>
      <c r="C48" s="5" t="s">
        <v>169</v>
      </c>
      <c r="D48" s="149" t="s">
        <v>3363</v>
      </c>
      <c r="E48" s="4" t="s">
        <v>2740</v>
      </c>
    </row>
    <row r="49" spans="1:5" s="1" customFormat="1" ht="51" x14ac:dyDescent="0.2">
      <c r="A49" s="5" t="s">
        <v>170</v>
      </c>
      <c r="B49" s="5" t="s">
        <v>3364</v>
      </c>
      <c r="C49" s="44" t="s">
        <v>3712</v>
      </c>
      <c r="D49" s="149" t="s">
        <v>3710</v>
      </c>
      <c r="E49" s="4" t="s">
        <v>2740</v>
      </c>
    </row>
    <row r="50" spans="1:5" s="1" customFormat="1" ht="57" x14ac:dyDescent="0.2">
      <c r="A50" s="5" t="s">
        <v>172</v>
      </c>
      <c r="B50" s="5" t="s">
        <v>173</v>
      </c>
      <c r="C50" s="231" t="s">
        <v>3696</v>
      </c>
      <c r="D50" s="4" t="s">
        <v>3365</v>
      </c>
      <c r="E50" s="4" t="s">
        <v>2834</v>
      </c>
    </row>
    <row r="51" spans="1:5" s="1" customFormat="1" ht="57" x14ac:dyDescent="0.2">
      <c r="A51" s="5" t="s">
        <v>175</v>
      </c>
      <c r="B51" s="5" t="s">
        <v>176</v>
      </c>
      <c r="C51" s="4" t="s">
        <v>177</v>
      </c>
      <c r="D51" s="4" t="s">
        <v>2896</v>
      </c>
      <c r="E51" s="4" t="s">
        <v>2739</v>
      </c>
    </row>
    <row r="52" spans="1:5" s="1" customFormat="1" ht="71.25" x14ac:dyDescent="0.2">
      <c r="A52" s="5" t="s">
        <v>179</v>
      </c>
      <c r="B52" s="5" t="s">
        <v>178</v>
      </c>
      <c r="C52" s="237" t="s">
        <v>3639</v>
      </c>
      <c r="D52" s="149" t="s">
        <v>3367</v>
      </c>
      <c r="E52" s="4" t="s">
        <v>2711</v>
      </c>
    </row>
    <row r="53" spans="1:5" s="1" customFormat="1" ht="28.5" x14ac:dyDescent="0.2">
      <c r="A53" s="5" t="s">
        <v>181</v>
      </c>
      <c r="B53" s="232" t="s">
        <v>3709</v>
      </c>
      <c r="C53" s="205" t="s">
        <v>3713</v>
      </c>
      <c r="D53" s="149" t="s">
        <v>2778</v>
      </c>
      <c r="E53" s="4" t="s">
        <v>2741</v>
      </c>
    </row>
    <row r="54" spans="1:5" s="37" customFormat="1" ht="28.5" x14ac:dyDescent="0.25">
      <c r="A54" s="142" t="s">
        <v>3370</v>
      </c>
      <c r="B54" s="143" t="s">
        <v>3371</v>
      </c>
      <c r="C54" s="144" t="s">
        <v>3372</v>
      </c>
      <c r="D54" s="149"/>
      <c r="E54" s="145"/>
    </row>
    <row r="55" spans="1:5" s="1" customFormat="1" ht="51" x14ac:dyDescent="0.2">
      <c r="A55" s="5" t="s">
        <v>184</v>
      </c>
      <c r="B55" s="5" t="s">
        <v>185</v>
      </c>
      <c r="C55" s="4" t="s">
        <v>186</v>
      </c>
      <c r="D55" s="149" t="s">
        <v>3373</v>
      </c>
      <c r="E55" s="4" t="s">
        <v>2742</v>
      </c>
    </row>
    <row r="56" spans="1:5" s="37" customFormat="1" ht="57" x14ac:dyDescent="0.25">
      <c r="A56" s="142" t="s">
        <v>3374</v>
      </c>
      <c r="B56" s="143" t="s">
        <v>3375</v>
      </c>
      <c r="C56" s="144" t="s">
        <v>3376</v>
      </c>
      <c r="D56" s="149" t="s">
        <v>3377</v>
      </c>
      <c r="E56" s="145"/>
    </row>
    <row r="57" spans="1:5" s="37" customFormat="1" ht="71.25" x14ac:dyDescent="0.25">
      <c r="A57" s="151" t="s">
        <v>3378</v>
      </c>
      <c r="B57" s="154" t="s">
        <v>3379</v>
      </c>
      <c r="C57" s="152" t="s">
        <v>3380</v>
      </c>
      <c r="D57" s="155" t="s">
        <v>3381</v>
      </c>
      <c r="E57" s="153" t="s">
        <v>2703</v>
      </c>
    </row>
    <row r="58" spans="1:5" s="1" customFormat="1" ht="51" x14ac:dyDescent="0.2">
      <c r="A58" s="5" t="s">
        <v>187</v>
      </c>
      <c r="B58" s="5" t="s">
        <v>188</v>
      </c>
      <c r="C58" s="4" t="s">
        <v>2670</v>
      </c>
      <c r="D58" s="155" t="s">
        <v>3382</v>
      </c>
      <c r="E58" s="4" t="s">
        <v>2743</v>
      </c>
    </row>
    <row r="59" spans="1:5" s="1" customFormat="1" ht="51" x14ac:dyDescent="0.2">
      <c r="A59" s="5" t="s">
        <v>189</v>
      </c>
      <c r="B59" s="5" t="s">
        <v>190</v>
      </c>
      <c r="C59" s="4" t="s">
        <v>191</v>
      </c>
      <c r="D59" s="155" t="s">
        <v>3383</v>
      </c>
      <c r="E59" s="4" t="s">
        <v>2744</v>
      </c>
    </row>
    <row r="60" spans="1:5" ht="38.25" x14ac:dyDescent="0.25">
      <c r="A60" s="221" t="s">
        <v>192</v>
      </c>
      <c r="B60" s="221" t="s">
        <v>193</v>
      </c>
      <c r="C60" s="228" t="s">
        <v>3640</v>
      </c>
      <c r="D60" s="226" t="s">
        <v>3384</v>
      </c>
      <c r="E60" s="223" t="s">
        <v>2738</v>
      </c>
    </row>
    <row r="61" spans="1:5" s="1" customFormat="1" ht="38.25" x14ac:dyDescent="0.2">
      <c r="A61" s="5" t="s">
        <v>195</v>
      </c>
      <c r="B61" s="5" t="s">
        <v>196</v>
      </c>
      <c r="C61" s="4" t="s">
        <v>197</v>
      </c>
      <c r="D61" s="155" t="s">
        <v>3385</v>
      </c>
      <c r="E61" s="4" t="s">
        <v>2738</v>
      </c>
    </row>
    <row r="62" spans="1:5" s="1" customFormat="1" ht="57" x14ac:dyDescent="0.2">
      <c r="A62" s="5" t="s">
        <v>198</v>
      </c>
      <c r="B62" s="5" t="s">
        <v>199</v>
      </c>
      <c r="C62" s="205" t="s">
        <v>3714</v>
      </c>
      <c r="D62" s="155" t="s">
        <v>3386</v>
      </c>
      <c r="E62" s="4" t="s">
        <v>2738</v>
      </c>
    </row>
    <row r="63" spans="1:5" s="1" customFormat="1" ht="51" x14ac:dyDescent="0.2">
      <c r="A63" s="5" t="s">
        <v>201</v>
      </c>
      <c r="B63" s="5" t="s">
        <v>202</v>
      </c>
      <c r="C63" s="4" t="s">
        <v>2787</v>
      </c>
      <c r="D63" s="155" t="s">
        <v>3386</v>
      </c>
      <c r="E63" s="4" t="s">
        <v>2738</v>
      </c>
    </row>
    <row r="64" spans="1:5" ht="71.25" x14ac:dyDescent="0.25">
      <c r="A64" s="221" t="s">
        <v>203</v>
      </c>
      <c r="B64" s="44" t="s">
        <v>3662</v>
      </c>
      <c r="C64" s="44" t="s">
        <v>3641</v>
      </c>
      <c r="D64" s="223" t="s">
        <v>3387</v>
      </c>
      <c r="E64" s="223" t="s">
        <v>2744</v>
      </c>
    </row>
    <row r="65" spans="1:5" ht="57" x14ac:dyDescent="0.25">
      <c r="A65" s="221" t="s">
        <v>206</v>
      </c>
      <c r="B65" s="44" t="s">
        <v>3663</v>
      </c>
      <c r="C65" s="44" t="s">
        <v>3642</v>
      </c>
      <c r="D65" s="223" t="s">
        <v>3388</v>
      </c>
      <c r="E65" s="223" t="s">
        <v>2744</v>
      </c>
    </row>
    <row r="66" spans="1:5" s="1" customFormat="1" ht="42.75" x14ac:dyDescent="0.2">
      <c r="A66" s="5" t="s">
        <v>208</v>
      </c>
      <c r="B66" s="235" t="s">
        <v>3390</v>
      </c>
      <c r="C66" s="44" t="s">
        <v>3718</v>
      </c>
      <c r="D66" s="4" t="s">
        <v>3389</v>
      </c>
      <c r="E66" s="4" t="s">
        <v>2745</v>
      </c>
    </row>
    <row r="67" spans="1:5" s="1" customFormat="1" ht="42.75" x14ac:dyDescent="0.2">
      <c r="A67" s="5" t="s">
        <v>210</v>
      </c>
      <c r="B67" s="5" t="s">
        <v>3649</v>
      </c>
      <c r="C67" s="236" t="s">
        <v>212</v>
      </c>
      <c r="D67" s="4" t="s">
        <v>3715</v>
      </c>
      <c r="E67" s="4" t="s">
        <v>2738</v>
      </c>
    </row>
    <row r="68" spans="1:5" s="1" customFormat="1" ht="28.5" x14ac:dyDescent="0.2">
      <c r="A68" s="12" t="s">
        <v>213</v>
      </c>
      <c r="B68" s="5" t="s">
        <v>214</v>
      </c>
      <c r="C68" s="4" t="s">
        <v>2672</v>
      </c>
      <c r="D68" s="4" t="s">
        <v>3356</v>
      </c>
      <c r="E68" s="4" t="s">
        <v>2738</v>
      </c>
    </row>
    <row r="69" spans="1:5" s="2" customFormat="1" ht="99.75" x14ac:dyDescent="0.25">
      <c r="A69" s="232" t="s">
        <v>3697</v>
      </c>
      <c r="B69" s="5" t="s">
        <v>2800</v>
      </c>
      <c r="C69" s="4" t="s">
        <v>217</v>
      </c>
      <c r="D69" s="4" t="s">
        <v>3393</v>
      </c>
      <c r="E69" s="4" t="s">
        <v>2746</v>
      </c>
    </row>
    <row r="70" spans="1:5" ht="57" x14ac:dyDescent="0.25">
      <c r="A70" s="221" t="s">
        <v>219</v>
      </c>
      <c r="B70" s="221" t="s">
        <v>220</v>
      </c>
      <c r="C70" s="44" t="s">
        <v>3664</v>
      </c>
      <c r="D70" s="223" t="s">
        <v>3650</v>
      </c>
      <c r="E70" s="223" t="s">
        <v>2741</v>
      </c>
    </row>
    <row r="71" spans="1:5" s="2" customFormat="1" ht="42.75" x14ac:dyDescent="0.25">
      <c r="A71" s="5" t="s">
        <v>222</v>
      </c>
      <c r="B71" s="5" t="s">
        <v>223</v>
      </c>
      <c r="C71" s="4" t="s">
        <v>224</v>
      </c>
      <c r="D71" s="161" t="s">
        <v>3395</v>
      </c>
      <c r="E71" s="4" t="s">
        <v>2744</v>
      </c>
    </row>
    <row r="72" spans="1:5" s="2" customFormat="1" ht="42.75" x14ac:dyDescent="0.25">
      <c r="A72" s="5" t="s">
        <v>226</v>
      </c>
      <c r="B72" s="5" t="s">
        <v>225</v>
      </c>
      <c r="C72" s="4" t="s">
        <v>227</v>
      </c>
      <c r="D72" s="161" t="s">
        <v>3398</v>
      </c>
      <c r="E72" s="4" t="s">
        <v>2747</v>
      </c>
    </row>
    <row r="73" spans="1:5" s="2" customFormat="1" ht="71.25" x14ac:dyDescent="0.25">
      <c r="A73" s="5" t="s">
        <v>228</v>
      </c>
      <c r="B73" s="5" t="s">
        <v>229</v>
      </c>
      <c r="C73" s="4" t="s">
        <v>2673</v>
      </c>
      <c r="D73" s="158" t="s">
        <v>3397</v>
      </c>
      <c r="E73" s="4" t="s">
        <v>2747</v>
      </c>
    </row>
    <row r="74" spans="1:5" s="2" customFormat="1" ht="71.25" x14ac:dyDescent="0.25">
      <c r="A74" s="5" t="s">
        <v>231</v>
      </c>
      <c r="B74" s="5" t="s">
        <v>230</v>
      </c>
      <c r="C74" s="4" t="s">
        <v>232</v>
      </c>
      <c r="D74" s="4" t="s">
        <v>3399</v>
      </c>
      <c r="E74" s="4" t="s">
        <v>2748</v>
      </c>
    </row>
    <row r="75" spans="1:5" s="1" customFormat="1" ht="71.25" x14ac:dyDescent="0.2">
      <c r="A75" s="5" t="s">
        <v>233</v>
      </c>
      <c r="B75" s="5" t="s">
        <v>234</v>
      </c>
      <c r="C75" s="4" t="s">
        <v>235</v>
      </c>
      <c r="D75" s="158" t="s">
        <v>3401</v>
      </c>
      <c r="E75" s="4" t="s">
        <v>2744</v>
      </c>
    </row>
    <row r="76" spans="1:5" s="1" customFormat="1" ht="57" x14ac:dyDescent="0.2">
      <c r="A76" s="5" t="s">
        <v>236</v>
      </c>
      <c r="B76" s="5" t="s">
        <v>237</v>
      </c>
      <c r="C76" s="4" t="s">
        <v>2674</v>
      </c>
      <c r="D76" s="158" t="s">
        <v>3401</v>
      </c>
      <c r="E76" s="4" t="s">
        <v>2744</v>
      </c>
    </row>
    <row r="77" spans="1:5" s="1" customFormat="1" ht="57" x14ac:dyDescent="0.2">
      <c r="A77" s="5" t="s">
        <v>238</v>
      </c>
      <c r="B77" s="5" t="s">
        <v>239</v>
      </c>
      <c r="C77" s="4" t="s">
        <v>240</v>
      </c>
      <c r="D77" s="158" t="s">
        <v>3401</v>
      </c>
      <c r="E77" s="4" t="s">
        <v>2744</v>
      </c>
    </row>
    <row r="78" spans="1:5" s="1" customFormat="1" ht="42.75" x14ac:dyDescent="0.2">
      <c r="A78" s="5" t="s">
        <v>241</v>
      </c>
      <c r="B78" s="5" t="s">
        <v>242</v>
      </c>
      <c r="C78" s="4" t="s">
        <v>243</v>
      </c>
      <c r="D78" s="161" t="s">
        <v>3402</v>
      </c>
      <c r="E78" s="4" t="s">
        <v>2741</v>
      </c>
    </row>
    <row r="79" spans="1:5" s="1" customFormat="1" ht="99.75" x14ac:dyDescent="0.2">
      <c r="A79" s="5" t="s">
        <v>244</v>
      </c>
      <c r="B79" s="5" t="s">
        <v>245</v>
      </c>
      <c r="C79" s="4" t="s">
        <v>246</v>
      </c>
      <c r="D79" s="4" t="s">
        <v>3403</v>
      </c>
      <c r="E79" s="5" t="s">
        <v>2749</v>
      </c>
    </row>
    <row r="80" spans="1:5" s="1" customFormat="1" ht="142.5" x14ac:dyDescent="0.2">
      <c r="A80" s="5" t="s">
        <v>247</v>
      </c>
      <c r="B80" s="5" t="s">
        <v>248</v>
      </c>
      <c r="C80" s="4" t="s">
        <v>2679</v>
      </c>
      <c r="D80" s="161" t="s">
        <v>2906</v>
      </c>
      <c r="E80" s="5" t="s">
        <v>2907</v>
      </c>
    </row>
    <row r="81" spans="1:5" s="1" customFormat="1" ht="85.5" x14ac:dyDescent="0.2">
      <c r="A81" s="5" t="s">
        <v>249</v>
      </c>
      <c r="B81" s="5" t="s">
        <v>250</v>
      </c>
      <c r="C81" s="4" t="s">
        <v>251</v>
      </c>
      <c r="D81" s="158" t="s">
        <v>22</v>
      </c>
      <c r="E81" s="5" t="s">
        <v>1690</v>
      </c>
    </row>
    <row r="82" spans="1:5" s="1" customFormat="1" ht="57" x14ac:dyDescent="0.2">
      <c r="A82" s="5" t="s">
        <v>252</v>
      </c>
      <c r="B82" s="5" t="s">
        <v>253</v>
      </c>
      <c r="C82" s="4" t="s">
        <v>2698</v>
      </c>
      <c r="D82" s="159" t="s">
        <v>3404</v>
      </c>
      <c r="E82" s="5" t="s">
        <v>1690</v>
      </c>
    </row>
    <row r="83" spans="1:5" s="1" customFormat="1" ht="57" x14ac:dyDescent="0.2">
      <c r="A83" s="5" t="s">
        <v>254</v>
      </c>
      <c r="B83" s="5" t="s">
        <v>255</v>
      </c>
      <c r="C83" s="4" t="s">
        <v>2699</v>
      </c>
      <c r="D83" s="4" t="s">
        <v>2777</v>
      </c>
      <c r="E83" s="5" t="s">
        <v>2788</v>
      </c>
    </row>
    <row r="84" spans="1:5" s="1" customFormat="1" ht="51" x14ac:dyDescent="0.2">
      <c r="A84" s="5" t="s">
        <v>257</v>
      </c>
      <c r="B84" s="5" t="s">
        <v>256</v>
      </c>
      <c r="C84" s="4" t="s">
        <v>258</v>
      </c>
      <c r="D84" s="161" t="s">
        <v>3406</v>
      </c>
      <c r="E84" s="4" t="s">
        <v>2750</v>
      </c>
    </row>
    <row r="85" spans="1:5" s="1" customFormat="1" ht="51" x14ac:dyDescent="0.2">
      <c r="A85" s="5" t="s">
        <v>260</v>
      </c>
      <c r="B85" s="5" t="s">
        <v>259</v>
      </c>
      <c r="C85" s="4" t="s">
        <v>261</v>
      </c>
      <c r="D85" s="161" t="s">
        <v>3407</v>
      </c>
      <c r="E85" s="220" t="s">
        <v>3716</v>
      </c>
    </row>
    <row r="86" spans="1:5" s="1" customFormat="1" ht="71.25" x14ac:dyDescent="0.2">
      <c r="A86" s="5" t="s">
        <v>264</v>
      </c>
      <c r="B86" s="5" t="s">
        <v>262</v>
      </c>
      <c r="C86" s="5" t="s">
        <v>263</v>
      </c>
      <c r="D86" s="4" t="s">
        <v>3409</v>
      </c>
      <c r="E86" s="4" t="s">
        <v>2750</v>
      </c>
    </row>
    <row r="87" spans="1:5" ht="57" x14ac:dyDescent="0.25">
      <c r="A87" s="221" t="s">
        <v>265</v>
      </c>
      <c r="B87" s="221" t="s">
        <v>266</v>
      </c>
      <c r="C87" s="44" t="s">
        <v>3665</v>
      </c>
      <c r="D87" s="223" t="s">
        <v>3410</v>
      </c>
      <c r="E87" s="223" t="s">
        <v>2832</v>
      </c>
    </row>
    <row r="88" spans="1:5" s="1" customFormat="1" ht="57" x14ac:dyDescent="0.2">
      <c r="A88" s="5" t="s">
        <v>268</v>
      </c>
      <c r="B88" s="5" t="s">
        <v>269</v>
      </c>
      <c r="C88" s="4" t="s">
        <v>270</v>
      </c>
      <c r="D88" s="158" t="s">
        <v>3410</v>
      </c>
      <c r="E88" s="4" t="s">
        <v>2833</v>
      </c>
    </row>
    <row r="89" spans="1:5" s="1" customFormat="1" ht="85.5" x14ac:dyDescent="0.2">
      <c r="A89" s="5" t="s">
        <v>271</v>
      </c>
      <c r="B89" s="235" t="s">
        <v>272</v>
      </c>
      <c r="C89" s="236" t="s">
        <v>273</v>
      </c>
      <c r="D89" s="158" t="s">
        <v>3711</v>
      </c>
      <c r="E89" s="4" t="s">
        <v>2833</v>
      </c>
    </row>
    <row r="90" spans="1:5" ht="108" customHeight="1" x14ac:dyDescent="0.25">
      <c r="A90" s="221" t="s">
        <v>274</v>
      </c>
      <c r="B90" s="44" t="s">
        <v>3666</v>
      </c>
      <c r="C90" s="228" t="s">
        <v>3667</v>
      </c>
      <c r="D90" s="223" t="s">
        <v>3411</v>
      </c>
      <c r="E90" s="44" t="s">
        <v>3668</v>
      </c>
    </row>
    <row r="91" spans="1:5" ht="71.25" x14ac:dyDescent="0.25">
      <c r="A91" s="221" t="s">
        <v>276</v>
      </c>
      <c r="B91" s="228" t="s">
        <v>3669</v>
      </c>
      <c r="C91" s="44" t="s">
        <v>3643</v>
      </c>
      <c r="D91" s="44" t="s">
        <v>3670</v>
      </c>
      <c r="E91" s="44" t="s">
        <v>3644</v>
      </c>
    </row>
    <row r="92" spans="1:5" ht="57" x14ac:dyDescent="0.25">
      <c r="A92" s="221" t="s">
        <v>278</v>
      </c>
      <c r="B92" s="221" t="s">
        <v>279</v>
      </c>
      <c r="C92" s="26" t="s">
        <v>3645</v>
      </c>
      <c r="D92" s="224" t="s">
        <v>3413</v>
      </c>
      <c r="E92" s="44" t="s">
        <v>3671</v>
      </c>
    </row>
    <row r="93" spans="1:5" ht="88.9" customHeight="1" x14ac:dyDescent="0.25">
      <c r="A93" s="221" t="s">
        <v>281</v>
      </c>
      <c r="B93" s="221" t="s">
        <v>280</v>
      </c>
      <c r="C93" s="44" t="s">
        <v>3672</v>
      </c>
      <c r="D93" s="223" t="s">
        <v>3414</v>
      </c>
      <c r="E93" s="223" t="s">
        <v>2750</v>
      </c>
    </row>
    <row r="94" spans="1:5" s="1" customFormat="1" ht="57" x14ac:dyDescent="0.2">
      <c r="A94" s="5" t="s">
        <v>283</v>
      </c>
      <c r="B94" s="5" t="s">
        <v>284</v>
      </c>
      <c r="C94" s="4" t="s">
        <v>285</v>
      </c>
      <c r="D94" s="158" t="s">
        <v>3414</v>
      </c>
      <c r="E94" s="4" t="s">
        <v>2751</v>
      </c>
    </row>
    <row r="95" spans="1:5" ht="62.45" customHeight="1" x14ac:dyDescent="0.25">
      <c r="A95" s="221" t="s">
        <v>286</v>
      </c>
      <c r="B95" s="221" t="s">
        <v>287</v>
      </c>
      <c r="C95" s="44" t="s">
        <v>3673</v>
      </c>
      <c r="D95" s="223" t="s">
        <v>3414</v>
      </c>
      <c r="E95" s="223" t="s">
        <v>2750</v>
      </c>
    </row>
    <row r="96" spans="1:5" ht="115.15" customHeight="1" x14ac:dyDescent="0.25">
      <c r="A96" s="221" t="s">
        <v>289</v>
      </c>
      <c r="B96" s="221" t="s">
        <v>290</v>
      </c>
      <c r="C96" s="44" t="s">
        <v>3674</v>
      </c>
      <c r="D96" s="223" t="s">
        <v>3414</v>
      </c>
      <c r="E96" s="223" t="s">
        <v>2750</v>
      </c>
    </row>
    <row r="97" spans="1:5" ht="148.9" customHeight="1" x14ac:dyDescent="0.25">
      <c r="A97" s="221" t="s">
        <v>292</v>
      </c>
      <c r="B97" s="221" t="s">
        <v>293</v>
      </c>
      <c r="C97" s="44" t="s">
        <v>3675</v>
      </c>
      <c r="D97" s="223" t="s">
        <v>3414</v>
      </c>
      <c r="E97" s="223" t="s">
        <v>2750</v>
      </c>
    </row>
    <row r="98" spans="1:5" ht="57" x14ac:dyDescent="0.25">
      <c r="A98" s="221" t="s">
        <v>296</v>
      </c>
      <c r="B98" s="221" t="s">
        <v>295</v>
      </c>
      <c r="C98" s="44" t="s">
        <v>3676</v>
      </c>
      <c r="D98" s="223" t="s">
        <v>3414</v>
      </c>
      <c r="E98" s="44" t="s">
        <v>3668</v>
      </c>
    </row>
    <row r="99" spans="1:5" s="1" customFormat="1" ht="57" x14ac:dyDescent="0.2">
      <c r="A99" s="5" t="s">
        <v>298</v>
      </c>
      <c r="B99" s="5" t="s">
        <v>299</v>
      </c>
      <c r="C99" s="236" t="s">
        <v>3719</v>
      </c>
      <c r="D99" s="158" t="s">
        <v>3414</v>
      </c>
      <c r="E99" s="4" t="s">
        <v>2750</v>
      </c>
    </row>
    <row r="100" spans="1:5" s="1" customFormat="1" ht="57" x14ac:dyDescent="0.2">
      <c r="A100" s="5" t="s">
        <v>300</v>
      </c>
      <c r="B100" s="5" t="s">
        <v>301</v>
      </c>
      <c r="C100" s="4" t="s">
        <v>302</v>
      </c>
      <c r="D100" s="158" t="s">
        <v>3414</v>
      </c>
      <c r="E100" s="4" t="s">
        <v>2750</v>
      </c>
    </row>
    <row r="101" spans="1:5" s="1" customFormat="1" ht="57" x14ac:dyDescent="0.2">
      <c r="A101" s="5" t="s">
        <v>303</v>
      </c>
      <c r="B101" s="5" t="s">
        <v>2795</v>
      </c>
      <c r="C101" s="12" t="s">
        <v>305</v>
      </c>
      <c r="D101" s="158" t="s">
        <v>3414</v>
      </c>
      <c r="E101" s="4" t="s">
        <v>2750</v>
      </c>
    </row>
    <row r="102" spans="1:5" ht="85.5" x14ac:dyDescent="0.25">
      <c r="A102" s="221" t="s">
        <v>306</v>
      </c>
      <c r="B102" s="221" t="s">
        <v>307</v>
      </c>
      <c r="C102" s="44" t="s">
        <v>3677</v>
      </c>
      <c r="D102" s="230" t="s">
        <v>3678</v>
      </c>
      <c r="E102" s="44" t="s">
        <v>3679</v>
      </c>
    </row>
    <row r="103" spans="1:5" s="37" customFormat="1" ht="57" x14ac:dyDescent="0.25">
      <c r="A103" s="156" t="s">
        <v>3416</v>
      </c>
      <c r="B103" s="157" t="s">
        <v>3417</v>
      </c>
      <c r="C103" s="158" t="s">
        <v>3418</v>
      </c>
      <c r="D103" s="161" t="s">
        <v>3419</v>
      </c>
      <c r="E103" s="160" t="s">
        <v>3498</v>
      </c>
    </row>
    <row r="104" spans="1:5" s="1" customFormat="1" ht="28.5" x14ac:dyDescent="0.2">
      <c r="A104" s="5" t="s">
        <v>308</v>
      </c>
      <c r="B104" s="5" t="s">
        <v>309</v>
      </c>
      <c r="C104" s="236" t="s">
        <v>2709</v>
      </c>
      <c r="D104" s="236" t="s">
        <v>3717</v>
      </c>
      <c r="E104" s="236" t="s">
        <v>2711</v>
      </c>
    </row>
    <row r="105" spans="1:5" s="2" customFormat="1" ht="57" x14ac:dyDescent="0.25">
      <c r="A105" s="5" t="s">
        <v>310</v>
      </c>
      <c r="B105" s="5" t="s">
        <v>311</v>
      </c>
      <c r="C105" s="4" t="s">
        <v>312</v>
      </c>
      <c r="D105" s="4" t="s">
        <v>3420</v>
      </c>
      <c r="E105" s="4" t="s">
        <v>2750</v>
      </c>
    </row>
    <row r="106" spans="1:5" s="2" customFormat="1" ht="57" x14ac:dyDescent="0.25">
      <c r="A106" s="5" t="s">
        <v>313</v>
      </c>
      <c r="B106" s="5" t="s">
        <v>2796</v>
      </c>
      <c r="C106" s="4" t="s">
        <v>315</v>
      </c>
      <c r="D106" s="4" t="s">
        <v>3421</v>
      </c>
      <c r="E106" s="4" t="s">
        <v>2750</v>
      </c>
    </row>
    <row r="107" spans="1:5" s="2" customFormat="1" ht="57" x14ac:dyDescent="0.25">
      <c r="A107" s="5" t="s">
        <v>317</v>
      </c>
      <c r="B107" s="5" t="s">
        <v>318</v>
      </c>
      <c r="C107" s="4" t="s">
        <v>319</v>
      </c>
      <c r="D107" s="158" t="s">
        <v>3421</v>
      </c>
      <c r="E107" s="4" t="s">
        <v>2750</v>
      </c>
    </row>
    <row r="108" spans="1:5" s="2" customFormat="1" ht="57" x14ac:dyDescent="0.25">
      <c r="A108" s="5" t="s">
        <v>320</v>
      </c>
      <c r="B108" s="5" t="s">
        <v>321</v>
      </c>
      <c r="C108" s="5" t="s">
        <v>2700</v>
      </c>
      <c r="D108" s="4" t="s">
        <v>3422</v>
      </c>
      <c r="E108" s="4" t="s">
        <v>2750</v>
      </c>
    </row>
    <row r="109" spans="1:5" s="2" customFormat="1" ht="57" x14ac:dyDescent="0.25">
      <c r="A109" s="5" t="s">
        <v>322</v>
      </c>
      <c r="B109" s="5" t="s">
        <v>323</v>
      </c>
      <c r="C109" s="4" t="s">
        <v>324</v>
      </c>
      <c r="D109" s="158" t="s">
        <v>3421</v>
      </c>
      <c r="E109" s="4" t="s">
        <v>2750</v>
      </c>
    </row>
    <row r="110" spans="1:5" s="2" customFormat="1" ht="57" x14ac:dyDescent="0.25">
      <c r="A110" s="5" t="s">
        <v>325</v>
      </c>
      <c r="B110" s="5" t="s">
        <v>326</v>
      </c>
      <c r="C110" s="4" t="s">
        <v>327</v>
      </c>
      <c r="D110" s="158" t="s">
        <v>3421</v>
      </c>
      <c r="E110" s="4" t="s">
        <v>2750</v>
      </c>
    </row>
    <row r="111" spans="1:5" ht="57" x14ac:dyDescent="0.25">
      <c r="A111" s="221" t="s">
        <v>328</v>
      </c>
      <c r="B111" s="221" t="s">
        <v>3651</v>
      </c>
      <c r="C111" s="44" t="s">
        <v>3680</v>
      </c>
      <c r="D111" s="223" t="s">
        <v>3421</v>
      </c>
      <c r="E111" s="223" t="s">
        <v>2750</v>
      </c>
    </row>
    <row r="112" spans="1:5" ht="71.25" x14ac:dyDescent="0.25">
      <c r="A112" s="221" t="s">
        <v>331</v>
      </c>
      <c r="B112" s="44" t="s">
        <v>3681</v>
      </c>
      <c r="C112" s="44" t="s">
        <v>3682</v>
      </c>
      <c r="D112" s="223" t="s">
        <v>3424</v>
      </c>
      <c r="E112" s="223" t="s">
        <v>2753</v>
      </c>
    </row>
    <row r="113" spans="1:5" ht="70.150000000000006" customHeight="1" x14ac:dyDescent="0.25">
      <c r="A113" s="221" t="s">
        <v>334</v>
      </c>
      <c r="B113" s="221" t="s">
        <v>3652</v>
      </c>
      <c r="C113" s="44" t="s">
        <v>3683</v>
      </c>
      <c r="D113" s="226" t="s">
        <v>3426</v>
      </c>
      <c r="E113" s="223" t="s">
        <v>2747</v>
      </c>
    </row>
    <row r="114" spans="1:5" s="2" customFormat="1" ht="51" x14ac:dyDescent="0.25">
      <c r="A114" s="5" t="s">
        <v>337</v>
      </c>
      <c r="B114" s="5" t="s">
        <v>338</v>
      </c>
      <c r="C114" s="4" t="s">
        <v>339</v>
      </c>
      <c r="D114" s="161" t="s">
        <v>3426</v>
      </c>
      <c r="E114" s="4" t="s">
        <v>2747</v>
      </c>
    </row>
    <row r="115" spans="1:5" s="2" customFormat="1" ht="51" x14ac:dyDescent="0.25">
      <c r="A115" s="5" t="s">
        <v>340</v>
      </c>
      <c r="B115" s="5" t="s">
        <v>341</v>
      </c>
      <c r="C115" s="236" t="s">
        <v>342</v>
      </c>
      <c r="D115" s="161" t="s">
        <v>3426</v>
      </c>
      <c r="E115" s="4" t="s">
        <v>2747</v>
      </c>
    </row>
    <row r="116" spans="1:5" s="3" customFormat="1" ht="51" x14ac:dyDescent="0.25">
      <c r="A116" s="5" t="s">
        <v>343</v>
      </c>
      <c r="B116" s="5" t="s">
        <v>344</v>
      </c>
      <c r="C116" s="4" t="s">
        <v>345</v>
      </c>
      <c r="D116" s="161" t="s">
        <v>3426</v>
      </c>
      <c r="E116" s="4" t="s">
        <v>2747</v>
      </c>
    </row>
    <row r="117" spans="1:5" s="3" customFormat="1" ht="57" x14ac:dyDescent="0.25">
      <c r="A117" s="5" t="s">
        <v>346</v>
      </c>
      <c r="B117" s="5" t="s">
        <v>347</v>
      </c>
      <c r="C117" s="4" t="s">
        <v>348</v>
      </c>
      <c r="D117" s="4" t="s">
        <v>349</v>
      </c>
      <c r="E117" s="4" t="s">
        <v>2741</v>
      </c>
    </row>
    <row r="118" spans="1:5" s="2" customFormat="1" ht="42.75" x14ac:dyDescent="0.25">
      <c r="A118" s="5" t="s">
        <v>350</v>
      </c>
      <c r="B118" s="5" t="s">
        <v>351</v>
      </c>
      <c r="C118" s="4" t="s">
        <v>357</v>
      </c>
      <c r="D118" s="161" t="s">
        <v>3427</v>
      </c>
      <c r="E118" s="4" t="s">
        <v>2739</v>
      </c>
    </row>
    <row r="119" spans="1:5" s="2" customFormat="1" ht="28.5" x14ac:dyDescent="0.25">
      <c r="A119" s="5" t="s">
        <v>352</v>
      </c>
      <c r="B119" s="5" t="s">
        <v>353</v>
      </c>
      <c r="C119" s="4" t="s">
        <v>358</v>
      </c>
      <c r="D119" s="4" t="s">
        <v>349</v>
      </c>
      <c r="E119" s="4" t="s">
        <v>2741</v>
      </c>
    </row>
    <row r="120" spans="1:5" s="2" customFormat="1" ht="71.25" x14ac:dyDescent="0.25">
      <c r="A120" s="5" t="s">
        <v>354</v>
      </c>
      <c r="B120" s="219" t="s">
        <v>3653</v>
      </c>
      <c r="C120" s="232" t="s">
        <v>2789</v>
      </c>
      <c r="D120" s="161" t="s">
        <v>3428</v>
      </c>
      <c r="E120" s="4" t="s">
        <v>2744</v>
      </c>
    </row>
    <row r="121" spans="1:5" s="1" customFormat="1" ht="85.5" x14ac:dyDescent="0.2">
      <c r="A121" s="5" t="s">
        <v>359</v>
      </c>
      <c r="B121" s="219" t="s">
        <v>3720</v>
      </c>
      <c r="C121" s="232" t="s">
        <v>3646</v>
      </c>
      <c r="D121" s="161" t="s">
        <v>3428</v>
      </c>
      <c r="E121" s="4" t="s">
        <v>2712</v>
      </c>
    </row>
    <row r="122" spans="1:5" s="1" customFormat="1" ht="42.75" x14ac:dyDescent="0.2">
      <c r="A122" s="5" t="s">
        <v>362</v>
      </c>
      <c r="B122" s="5" t="s">
        <v>363</v>
      </c>
      <c r="C122" s="4" t="s">
        <v>364</v>
      </c>
      <c r="D122" s="161" t="s">
        <v>3429</v>
      </c>
      <c r="E122" s="4" t="s">
        <v>2754</v>
      </c>
    </row>
    <row r="123" spans="1:5" s="1" customFormat="1" ht="171" x14ac:dyDescent="0.2">
      <c r="A123" s="5" t="s">
        <v>3053</v>
      </c>
      <c r="B123" s="5" t="s">
        <v>3054</v>
      </c>
      <c r="C123" s="4" t="s">
        <v>3055</v>
      </c>
      <c r="D123" s="4" t="s">
        <v>3431</v>
      </c>
      <c r="E123" s="4" t="s">
        <v>3056</v>
      </c>
    </row>
    <row r="124" spans="1:5" s="1" customFormat="1" ht="28.5" x14ac:dyDescent="0.2">
      <c r="A124" s="156" t="s">
        <v>3432</v>
      </c>
      <c r="B124" s="156" t="s">
        <v>3433</v>
      </c>
      <c r="C124" s="158" t="s">
        <v>3434</v>
      </c>
      <c r="D124" s="158" t="s">
        <v>3356</v>
      </c>
      <c r="E124" s="158" t="s">
        <v>3435</v>
      </c>
    </row>
    <row r="125" spans="1:5" s="1" customFormat="1" ht="57" x14ac:dyDescent="0.2">
      <c r="A125" s="156" t="s">
        <v>3436</v>
      </c>
      <c r="B125" s="156" t="s">
        <v>3437</v>
      </c>
      <c r="C125" s="158" t="s">
        <v>3438</v>
      </c>
      <c r="D125" s="158" t="s">
        <v>2776</v>
      </c>
      <c r="E125" s="158" t="s">
        <v>2907</v>
      </c>
    </row>
    <row r="126" spans="1:5" s="1" customFormat="1" ht="42.75" x14ac:dyDescent="0.2">
      <c r="A126" s="5" t="s">
        <v>365</v>
      </c>
      <c r="B126" s="5" t="s">
        <v>366</v>
      </c>
      <c r="C126" s="4" t="s">
        <v>367</v>
      </c>
      <c r="D126" s="161" t="s">
        <v>368</v>
      </c>
      <c r="E126" s="4" t="s">
        <v>2741</v>
      </c>
    </row>
    <row r="127" spans="1:5" ht="71.25" x14ac:dyDescent="0.25">
      <c r="A127" s="221" t="s">
        <v>369</v>
      </c>
      <c r="B127" s="221" t="s">
        <v>370</v>
      </c>
      <c r="C127" s="44" t="s">
        <v>3684</v>
      </c>
      <c r="D127" s="226" t="s">
        <v>3439</v>
      </c>
      <c r="E127" s="223" t="s">
        <v>2741</v>
      </c>
    </row>
    <row r="128" spans="1:5" s="1" customFormat="1" ht="114" x14ac:dyDescent="0.2">
      <c r="A128" s="21" t="s">
        <v>379</v>
      </c>
      <c r="B128" s="21" t="s">
        <v>2799</v>
      </c>
      <c r="C128" s="4" t="s">
        <v>2790</v>
      </c>
      <c r="D128" s="159" t="s">
        <v>2669</v>
      </c>
      <c r="E128" s="4" t="s">
        <v>2739</v>
      </c>
    </row>
    <row r="129" spans="1:5" ht="42.75" x14ac:dyDescent="0.25">
      <c r="A129" s="221" t="s">
        <v>376</v>
      </c>
      <c r="B129" s="221" t="s">
        <v>377</v>
      </c>
      <c r="C129" s="44" t="s">
        <v>3685</v>
      </c>
      <c r="D129" s="226" t="s">
        <v>3496</v>
      </c>
      <c r="E129" s="223" t="s">
        <v>2741</v>
      </c>
    </row>
    <row r="130" spans="1:5" ht="51" x14ac:dyDescent="0.25">
      <c r="A130" s="221" t="s">
        <v>380</v>
      </c>
      <c r="B130" s="221" t="s">
        <v>381</v>
      </c>
      <c r="C130" s="44" t="s">
        <v>3686</v>
      </c>
      <c r="D130" s="226" t="s">
        <v>3493</v>
      </c>
      <c r="E130" s="223" t="s">
        <v>2741</v>
      </c>
    </row>
    <row r="131" spans="1:5" ht="51" x14ac:dyDescent="0.25">
      <c r="A131" s="221" t="s">
        <v>383</v>
      </c>
      <c r="B131" s="44" t="s">
        <v>3687</v>
      </c>
      <c r="C131" s="223" t="s">
        <v>385</v>
      </c>
      <c r="D131" s="226" t="s">
        <v>3493</v>
      </c>
      <c r="E131" s="223" t="s">
        <v>2741</v>
      </c>
    </row>
    <row r="132" spans="1:5" ht="57" x14ac:dyDescent="0.25">
      <c r="A132" s="27" t="s">
        <v>386</v>
      </c>
      <c r="B132" s="44" t="s">
        <v>3688</v>
      </c>
      <c r="C132" s="44" t="s">
        <v>3689</v>
      </c>
      <c r="D132" s="226" t="s">
        <v>3443</v>
      </c>
      <c r="E132" s="223" t="s">
        <v>2732</v>
      </c>
    </row>
    <row r="133" spans="1:5" s="1" customFormat="1" ht="57" x14ac:dyDescent="0.2">
      <c r="A133" s="5" t="s">
        <v>389</v>
      </c>
      <c r="B133" s="219" t="s">
        <v>3701</v>
      </c>
      <c r="C133" s="232" t="s">
        <v>3700</v>
      </c>
      <c r="D133" s="167" t="s">
        <v>3497</v>
      </c>
      <c r="E133" s="4" t="s">
        <v>2741</v>
      </c>
    </row>
    <row r="134" spans="1:5" s="37" customFormat="1" ht="42.75" x14ac:dyDescent="0.25">
      <c r="A134" s="176" t="s">
        <v>3444</v>
      </c>
      <c r="B134" s="177" t="s">
        <v>3445</v>
      </c>
      <c r="C134" s="178" t="s">
        <v>3446</v>
      </c>
      <c r="D134" s="179" t="s">
        <v>3381</v>
      </c>
      <c r="E134" s="180" t="s">
        <v>3447</v>
      </c>
    </row>
    <row r="135" spans="1:5" ht="51" x14ac:dyDescent="0.25">
      <c r="A135" s="221" t="s">
        <v>392</v>
      </c>
      <c r="B135" s="221" t="s">
        <v>2887</v>
      </c>
      <c r="C135" s="223" t="s">
        <v>393</v>
      </c>
      <c r="D135" s="226" t="s">
        <v>3448</v>
      </c>
      <c r="E135" s="223" t="s">
        <v>2734</v>
      </c>
    </row>
    <row r="136" spans="1:5" ht="51" x14ac:dyDescent="0.25">
      <c r="A136" s="221" t="s">
        <v>394</v>
      </c>
      <c r="B136" s="221" t="s">
        <v>3690</v>
      </c>
      <c r="C136" s="223" t="s">
        <v>2886</v>
      </c>
      <c r="D136" s="226" t="s">
        <v>3448</v>
      </c>
      <c r="E136" s="223" t="s">
        <v>2734</v>
      </c>
    </row>
    <row r="137" spans="1:5" s="1" customFormat="1" ht="28.5" x14ac:dyDescent="0.2">
      <c r="A137" s="228" t="s">
        <v>3636</v>
      </c>
      <c r="B137" s="231" t="s">
        <v>3647</v>
      </c>
      <c r="C137" s="231"/>
      <c r="D137" s="231" t="s">
        <v>3648</v>
      </c>
      <c r="E137" s="228"/>
    </row>
    <row r="138" spans="1:5" ht="51" x14ac:dyDescent="0.25">
      <c r="A138" s="221" t="s">
        <v>396</v>
      </c>
      <c r="B138" s="221" t="s">
        <v>966</v>
      </c>
      <c r="C138" s="223" t="s">
        <v>3691</v>
      </c>
      <c r="D138" s="226" t="s">
        <v>3448</v>
      </c>
      <c r="E138" s="223" t="s">
        <v>2835</v>
      </c>
    </row>
    <row r="139" spans="1:5" s="120" customFormat="1" ht="85.5" x14ac:dyDescent="0.25">
      <c r="A139" s="176" t="s">
        <v>3449</v>
      </c>
      <c r="B139" s="178" t="s">
        <v>3450</v>
      </c>
      <c r="C139" s="178" t="s">
        <v>3451</v>
      </c>
      <c r="D139" s="178" t="s">
        <v>979</v>
      </c>
      <c r="E139" s="181" t="s">
        <v>2766</v>
      </c>
    </row>
    <row r="140" spans="1:5" s="1" customFormat="1" ht="71.25" x14ac:dyDescent="0.2">
      <c r="A140" s="5" t="s">
        <v>398</v>
      </c>
      <c r="B140" s="5" t="s">
        <v>399</v>
      </c>
      <c r="C140" s="4" t="s">
        <v>400</v>
      </c>
      <c r="D140" s="167" t="s">
        <v>401</v>
      </c>
      <c r="E140" s="4" t="s">
        <v>2755</v>
      </c>
    </row>
    <row r="141" spans="1:5" s="1" customFormat="1" x14ac:dyDescent="0.2">
      <c r="A141" s="5" t="s">
        <v>402</v>
      </c>
      <c r="B141" s="5" t="s">
        <v>403</v>
      </c>
      <c r="C141" s="232" t="s">
        <v>3702</v>
      </c>
      <c r="D141" s="4" t="s">
        <v>979</v>
      </c>
      <c r="E141" s="4" t="s">
        <v>2755</v>
      </c>
    </row>
    <row r="142" spans="1:5" s="1" customFormat="1" x14ac:dyDescent="0.2">
      <c r="A142" s="5" t="s">
        <v>405</v>
      </c>
      <c r="B142" s="5" t="s">
        <v>406</v>
      </c>
      <c r="C142" s="232" t="s">
        <v>3703</v>
      </c>
      <c r="D142" s="4" t="s">
        <v>979</v>
      </c>
      <c r="E142" s="4" t="s">
        <v>2755</v>
      </c>
    </row>
    <row r="143" spans="1:5" s="1" customFormat="1" ht="85.5" x14ac:dyDescent="0.2">
      <c r="A143" s="5" t="s">
        <v>408</v>
      </c>
      <c r="B143" s="5" t="s">
        <v>409</v>
      </c>
      <c r="C143" s="4" t="s">
        <v>2638</v>
      </c>
      <c r="D143" s="4" t="s">
        <v>979</v>
      </c>
      <c r="E143" s="4" t="s">
        <v>2755</v>
      </c>
    </row>
    <row r="144" spans="1:5" s="37" customFormat="1" ht="15" x14ac:dyDescent="0.25">
      <c r="A144" s="162" t="s">
        <v>3452</v>
      </c>
      <c r="B144" s="166" t="s">
        <v>3453</v>
      </c>
      <c r="C144" s="163"/>
      <c r="D144" s="167" t="s">
        <v>979</v>
      </c>
      <c r="E144" s="164" t="s">
        <v>2766</v>
      </c>
    </row>
    <row r="145" spans="1:5" s="37" customFormat="1" ht="28.5" x14ac:dyDescent="0.25">
      <c r="A145" s="162" t="s">
        <v>410</v>
      </c>
      <c r="B145" s="166" t="s">
        <v>411</v>
      </c>
      <c r="C145" s="163" t="s">
        <v>412</v>
      </c>
      <c r="D145" s="167" t="s">
        <v>979</v>
      </c>
      <c r="E145" s="164" t="s">
        <v>3456</v>
      </c>
    </row>
    <row r="146" spans="1:5" s="1" customFormat="1" ht="28.5" x14ac:dyDescent="0.2">
      <c r="A146" s="5" t="s">
        <v>413</v>
      </c>
      <c r="B146" s="219" t="s">
        <v>3704</v>
      </c>
      <c r="C146" s="4" t="s">
        <v>3075</v>
      </c>
      <c r="D146" s="4" t="s">
        <v>22</v>
      </c>
      <c r="E146" s="4" t="s">
        <v>2271</v>
      </c>
    </row>
    <row r="147" spans="1:5" s="1" customFormat="1" ht="57" x14ac:dyDescent="0.2">
      <c r="A147" s="5" t="s">
        <v>416</v>
      </c>
      <c r="B147" s="5" t="s">
        <v>417</v>
      </c>
      <c r="C147" s="4" t="s">
        <v>2705</v>
      </c>
      <c r="D147" s="205" t="s">
        <v>22</v>
      </c>
      <c r="E147" s="4" t="s">
        <v>2271</v>
      </c>
    </row>
    <row r="148" spans="1:5" s="1" customFormat="1" x14ac:dyDescent="0.2">
      <c r="A148" s="5" t="s">
        <v>418</v>
      </c>
      <c r="B148" s="5" t="s">
        <v>419</v>
      </c>
      <c r="C148" s="4" t="s">
        <v>420</v>
      </c>
      <c r="D148" s="167" t="s">
        <v>401</v>
      </c>
      <c r="E148" s="4" t="s">
        <v>2733</v>
      </c>
    </row>
    <row r="149" spans="1:5" s="37" customFormat="1" ht="15" x14ac:dyDescent="0.25">
      <c r="A149" s="176" t="s">
        <v>3457</v>
      </c>
      <c r="B149" s="177" t="s">
        <v>3458</v>
      </c>
      <c r="C149" s="171" t="s">
        <v>3459</v>
      </c>
      <c r="D149" s="175"/>
      <c r="E149" s="173"/>
    </row>
    <row r="150" spans="1:5" s="37" customFormat="1" ht="28.5" x14ac:dyDescent="0.25">
      <c r="A150" s="169" t="s">
        <v>421</v>
      </c>
      <c r="B150" s="170" t="s">
        <v>422</v>
      </c>
      <c r="C150" s="171" t="s">
        <v>423</v>
      </c>
      <c r="D150" s="172" t="s">
        <v>57</v>
      </c>
      <c r="E150" s="174" t="s">
        <v>3102</v>
      </c>
    </row>
    <row r="151" spans="1:5" s="37" customFormat="1" ht="28.5" x14ac:dyDescent="0.25">
      <c r="A151" s="169" t="s">
        <v>424</v>
      </c>
      <c r="B151" s="170" t="s">
        <v>425</v>
      </c>
      <c r="C151" s="171" t="s">
        <v>426</v>
      </c>
      <c r="D151" s="172" t="s">
        <v>57</v>
      </c>
      <c r="E151" s="174" t="s">
        <v>2816</v>
      </c>
    </row>
    <row r="152" spans="1:5" s="37" customFormat="1" ht="42.75" x14ac:dyDescent="0.25">
      <c r="A152" s="169" t="s">
        <v>427</v>
      </c>
      <c r="B152" s="170" t="s">
        <v>428</v>
      </c>
      <c r="C152" s="171" t="s">
        <v>429</v>
      </c>
      <c r="D152" s="172" t="s">
        <v>57</v>
      </c>
      <c r="E152" s="174" t="s">
        <v>2714</v>
      </c>
    </row>
    <row r="153" spans="1:5" s="37" customFormat="1" ht="42.75" x14ac:dyDescent="0.25">
      <c r="A153" s="169" t="s">
        <v>430</v>
      </c>
      <c r="B153" s="170" t="s">
        <v>431</v>
      </c>
      <c r="C153" s="171" t="s">
        <v>457</v>
      </c>
      <c r="D153" s="175" t="s">
        <v>2910</v>
      </c>
      <c r="E153" s="174" t="s">
        <v>2664</v>
      </c>
    </row>
    <row r="154" spans="1:5" s="37" customFormat="1" ht="15" x14ac:dyDescent="0.25">
      <c r="A154" s="169" t="s">
        <v>432</v>
      </c>
      <c r="B154" s="170" t="s">
        <v>433</v>
      </c>
      <c r="C154" s="171" t="s">
        <v>434</v>
      </c>
      <c r="D154" s="172" t="s">
        <v>3241</v>
      </c>
      <c r="E154" s="173" t="s">
        <v>2725</v>
      </c>
    </row>
    <row r="155" spans="1:5" s="37" customFormat="1" ht="28.5" x14ac:dyDescent="0.25">
      <c r="A155" s="169" t="s">
        <v>435</v>
      </c>
      <c r="B155" s="170" t="s">
        <v>436</v>
      </c>
      <c r="C155" s="171" t="s">
        <v>2909</v>
      </c>
      <c r="D155" s="175" t="s">
        <v>2910</v>
      </c>
      <c r="E155" s="174" t="s">
        <v>2875</v>
      </c>
    </row>
    <row r="156" spans="1:5" s="37" customFormat="1" ht="28.5" x14ac:dyDescent="0.25">
      <c r="A156" s="169" t="s">
        <v>437</v>
      </c>
      <c r="B156" s="170" t="s">
        <v>438</v>
      </c>
      <c r="C156" s="171" t="s">
        <v>2685</v>
      </c>
      <c r="D156" s="175" t="s">
        <v>2910</v>
      </c>
      <c r="E156" s="174" t="s">
        <v>2664</v>
      </c>
    </row>
    <row r="157" spans="1:5" s="37" customFormat="1" ht="42.75" x14ac:dyDescent="0.25">
      <c r="A157" s="169" t="s">
        <v>439</v>
      </c>
      <c r="B157" s="170" t="s">
        <v>440</v>
      </c>
      <c r="C157" s="171" t="s">
        <v>441</v>
      </c>
      <c r="D157" s="172" t="s">
        <v>22</v>
      </c>
      <c r="E157" s="174" t="s">
        <v>2714</v>
      </c>
    </row>
    <row r="158" spans="1:5" s="37" customFormat="1" ht="57" x14ac:dyDescent="0.25">
      <c r="A158" s="169" t="s">
        <v>442</v>
      </c>
      <c r="B158" s="170" t="s">
        <v>443</v>
      </c>
      <c r="C158" s="171" t="s">
        <v>444</v>
      </c>
      <c r="D158" s="175" t="s">
        <v>2910</v>
      </c>
      <c r="E158" s="174" t="s">
        <v>2664</v>
      </c>
    </row>
    <row r="159" spans="1:5" s="37" customFormat="1" ht="42.75" x14ac:dyDescent="0.25">
      <c r="A159" s="169" t="s">
        <v>445</v>
      </c>
      <c r="B159" s="170" t="s">
        <v>446</v>
      </c>
      <c r="C159" s="171" t="s">
        <v>2686</v>
      </c>
      <c r="D159" s="175" t="s">
        <v>22</v>
      </c>
      <c r="E159" s="174" t="s">
        <v>2687</v>
      </c>
    </row>
    <row r="160" spans="1:5" s="37" customFormat="1" ht="28.5" x14ac:dyDescent="0.25">
      <c r="A160" s="169" t="s">
        <v>447</v>
      </c>
      <c r="B160" s="170" t="s">
        <v>448</v>
      </c>
      <c r="C160" s="171" t="s">
        <v>449</v>
      </c>
      <c r="D160" s="175" t="s">
        <v>22</v>
      </c>
      <c r="E160" s="173" t="s">
        <v>2819</v>
      </c>
    </row>
    <row r="161" spans="1:5" s="37" customFormat="1" ht="57" x14ac:dyDescent="0.25">
      <c r="A161" s="169" t="s">
        <v>450</v>
      </c>
      <c r="B161" s="170" t="s">
        <v>451</v>
      </c>
      <c r="C161" s="171" t="s">
        <v>2688</v>
      </c>
      <c r="D161" s="175" t="s">
        <v>22</v>
      </c>
      <c r="E161" s="173" t="s">
        <v>2689</v>
      </c>
    </row>
    <row r="162" spans="1:5" s="37" customFormat="1" ht="28.5" x14ac:dyDescent="0.25">
      <c r="A162" s="169" t="s">
        <v>452</v>
      </c>
      <c r="B162" s="170" t="s">
        <v>453</v>
      </c>
      <c r="C162" s="171" t="s">
        <v>2690</v>
      </c>
      <c r="D162" s="175" t="s">
        <v>22</v>
      </c>
      <c r="E162" s="173" t="s">
        <v>2691</v>
      </c>
    </row>
    <row r="163" spans="1:5" s="37" customFormat="1" ht="156.75" x14ac:dyDescent="0.25">
      <c r="A163" s="169" t="s">
        <v>454</v>
      </c>
      <c r="B163" s="170" t="s">
        <v>455</v>
      </c>
      <c r="C163" s="171" t="s">
        <v>456</v>
      </c>
      <c r="D163" s="175" t="s">
        <v>2910</v>
      </c>
      <c r="E163" s="174" t="s">
        <v>2664</v>
      </c>
    </row>
    <row r="164" spans="1:5" s="37" customFormat="1" ht="42.75" x14ac:dyDescent="0.25">
      <c r="A164" s="169" t="s">
        <v>458</v>
      </c>
      <c r="B164" s="170" t="s">
        <v>459</v>
      </c>
      <c r="C164" s="171" t="s">
        <v>460</v>
      </c>
      <c r="D164" s="175" t="s">
        <v>2910</v>
      </c>
      <c r="E164" s="174" t="s">
        <v>2664</v>
      </c>
    </row>
    <row r="165" spans="1:5" s="37" customFormat="1" ht="42.75" x14ac:dyDescent="0.25">
      <c r="A165" s="169" t="s">
        <v>461</v>
      </c>
      <c r="B165" s="170" t="s">
        <v>462</v>
      </c>
      <c r="C165" s="171" t="s">
        <v>463</v>
      </c>
      <c r="D165" s="175" t="s">
        <v>2910</v>
      </c>
      <c r="E165" s="174" t="s">
        <v>2664</v>
      </c>
    </row>
    <row r="166" spans="1:5" s="37" customFormat="1" ht="71.25" x14ac:dyDescent="0.25">
      <c r="A166" s="169" t="s">
        <v>464</v>
      </c>
      <c r="B166" s="170" t="s">
        <v>465</v>
      </c>
      <c r="C166" s="171" t="s">
        <v>466</v>
      </c>
      <c r="D166" s="175" t="s">
        <v>3242</v>
      </c>
      <c r="E166" s="173" t="s">
        <v>2726</v>
      </c>
    </row>
    <row r="167" spans="1:5" s="37" customFormat="1" ht="71.25" x14ac:dyDescent="0.25">
      <c r="A167" s="169" t="s">
        <v>467</v>
      </c>
      <c r="B167" s="170" t="s">
        <v>468</v>
      </c>
      <c r="C167" s="44" t="s">
        <v>3227</v>
      </c>
      <c r="D167" s="175" t="s">
        <v>2910</v>
      </c>
      <c r="E167" s="174" t="s">
        <v>3103</v>
      </c>
    </row>
    <row r="168" spans="1:5" s="37" customFormat="1" ht="28.5" x14ac:dyDescent="0.25">
      <c r="A168" s="169" t="s">
        <v>2662</v>
      </c>
      <c r="B168" s="170" t="s">
        <v>2901</v>
      </c>
      <c r="C168" s="171" t="s">
        <v>2694</v>
      </c>
      <c r="D168" s="172" t="s">
        <v>22</v>
      </c>
      <c r="E168" s="174" t="s">
        <v>2695</v>
      </c>
    </row>
    <row r="169" spans="1:5" s="37" customFormat="1" ht="28.5" x14ac:dyDescent="0.25">
      <c r="A169" s="169" t="s">
        <v>469</v>
      </c>
      <c r="B169" s="170" t="s">
        <v>470</v>
      </c>
      <c r="C169" s="171" t="s">
        <v>2692</v>
      </c>
      <c r="D169" s="172" t="s">
        <v>22</v>
      </c>
      <c r="E169" s="174" t="s">
        <v>2693</v>
      </c>
    </row>
    <row r="170" spans="1:5" s="37" customFormat="1" ht="114" x14ac:dyDescent="0.25">
      <c r="A170" s="169" t="s">
        <v>970</v>
      </c>
      <c r="B170" s="170" t="s">
        <v>2877</v>
      </c>
      <c r="C170" s="171" t="s">
        <v>971</v>
      </c>
      <c r="D170" s="172" t="s">
        <v>972</v>
      </c>
      <c r="E170" s="174" t="s">
        <v>973</v>
      </c>
    </row>
    <row r="171" spans="1:5" s="37" customFormat="1" ht="114" x14ac:dyDescent="0.25">
      <c r="A171" s="169" t="s">
        <v>2637</v>
      </c>
      <c r="B171" s="105" t="s">
        <v>2876</v>
      </c>
      <c r="C171" s="26" t="s">
        <v>2880</v>
      </c>
      <c r="D171" s="65" t="s">
        <v>3243</v>
      </c>
      <c r="E171" s="56" t="s">
        <v>2664</v>
      </c>
    </row>
    <row r="172" spans="1:5" s="37" customFormat="1" ht="42.75" x14ac:dyDescent="0.25">
      <c r="A172" s="169" t="s">
        <v>471</v>
      </c>
      <c r="B172" s="170" t="s">
        <v>472</v>
      </c>
      <c r="C172" s="171" t="s">
        <v>473</v>
      </c>
      <c r="D172" s="175" t="s">
        <v>2910</v>
      </c>
      <c r="E172" s="174" t="s">
        <v>2664</v>
      </c>
    </row>
    <row r="173" spans="1:5" s="37" customFormat="1" ht="42.75" x14ac:dyDescent="0.25">
      <c r="A173" s="169" t="s">
        <v>474</v>
      </c>
      <c r="B173" s="170" t="s">
        <v>475</v>
      </c>
      <c r="C173" s="171" t="s">
        <v>476</v>
      </c>
      <c r="D173" s="175" t="s">
        <v>2910</v>
      </c>
      <c r="E173" s="174" t="s">
        <v>2664</v>
      </c>
    </row>
    <row r="174" spans="1:5" s="37" customFormat="1" ht="85.5" x14ac:dyDescent="0.25">
      <c r="A174" s="169" t="s">
        <v>477</v>
      </c>
      <c r="B174" s="170" t="s">
        <v>478</v>
      </c>
      <c r="C174" s="171" t="s">
        <v>507</v>
      </c>
      <c r="D174" s="172" t="s">
        <v>3241</v>
      </c>
      <c r="E174" s="173" t="s">
        <v>2821</v>
      </c>
    </row>
    <row r="175" spans="1:5" s="37" customFormat="1" ht="71.25" x14ac:dyDescent="0.25">
      <c r="A175" s="169" t="s">
        <v>479</v>
      </c>
      <c r="B175" s="170" t="s">
        <v>480</v>
      </c>
      <c r="C175" s="171" t="s">
        <v>481</v>
      </c>
      <c r="D175" s="175" t="s">
        <v>2910</v>
      </c>
      <c r="E175" s="174" t="s">
        <v>2664</v>
      </c>
    </row>
    <row r="176" spans="1:5" s="37" customFormat="1" ht="28.5" x14ac:dyDescent="0.25">
      <c r="A176" s="169" t="s">
        <v>482</v>
      </c>
      <c r="B176" s="170" t="s">
        <v>483</v>
      </c>
      <c r="C176" s="171" t="s">
        <v>484</v>
      </c>
      <c r="D176" s="175" t="s">
        <v>485</v>
      </c>
      <c r="E176" s="173" t="s">
        <v>2201</v>
      </c>
    </row>
    <row r="177" spans="1:5" s="37" customFormat="1" ht="28.5" x14ac:dyDescent="0.25">
      <c r="A177" s="171" t="s">
        <v>486</v>
      </c>
      <c r="B177" s="99" t="s">
        <v>487</v>
      </c>
      <c r="C177" s="45" t="s">
        <v>488</v>
      </c>
      <c r="D177" s="175" t="s">
        <v>485</v>
      </c>
      <c r="E177" s="173" t="s">
        <v>2201</v>
      </c>
    </row>
    <row r="178" spans="1:5" s="37" customFormat="1" ht="142.5" x14ac:dyDescent="0.25">
      <c r="A178" s="171" t="s">
        <v>2857</v>
      </c>
      <c r="B178" s="99" t="s">
        <v>2858</v>
      </c>
      <c r="C178" s="171" t="s">
        <v>2859</v>
      </c>
      <c r="D178" s="172" t="s">
        <v>3244</v>
      </c>
      <c r="E178" s="174" t="s">
        <v>2861</v>
      </c>
    </row>
    <row r="179" spans="1:5" s="37" customFormat="1" ht="42.75" x14ac:dyDescent="0.25">
      <c r="A179" s="169" t="s">
        <v>489</v>
      </c>
      <c r="B179" s="170" t="s">
        <v>2900</v>
      </c>
      <c r="C179" s="171" t="s">
        <v>490</v>
      </c>
      <c r="D179" s="175" t="s">
        <v>2910</v>
      </c>
      <c r="E179" s="173" t="s">
        <v>2822</v>
      </c>
    </row>
    <row r="180" spans="1:5" s="37" customFormat="1" ht="71.25" x14ac:dyDescent="0.25">
      <c r="A180" s="169" t="s">
        <v>491</v>
      </c>
      <c r="B180" s="170" t="s">
        <v>492</v>
      </c>
      <c r="C180" s="171" t="s">
        <v>493</v>
      </c>
      <c r="D180" s="175" t="s">
        <v>2910</v>
      </c>
      <c r="E180" s="173" t="s">
        <v>2716</v>
      </c>
    </row>
    <row r="181" spans="1:5" s="37" customFormat="1" ht="57" x14ac:dyDescent="0.25">
      <c r="A181" s="169" t="s">
        <v>494</v>
      </c>
      <c r="B181" s="170" t="s">
        <v>495</v>
      </c>
      <c r="C181" s="171" t="s">
        <v>496</v>
      </c>
      <c r="D181" s="65" t="s">
        <v>3244</v>
      </c>
      <c r="E181" s="173" t="s">
        <v>2757</v>
      </c>
    </row>
    <row r="182" spans="1:5" s="37" customFormat="1" ht="28.5" x14ac:dyDescent="0.25">
      <c r="A182" s="169" t="s">
        <v>497</v>
      </c>
      <c r="B182" s="170" t="s">
        <v>498</v>
      </c>
      <c r="C182" s="171" t="s">
        <v>499</v>
      </c>
      <c r="D182" s="172" t="s">
        <v>3239</v>
      </c>
      <c r="E182" s="174" t="s">
        <v>2715</v>
      </c>
    </row>
    <row r="183" spans="1:5" s="37" customFormat="1" ht="28.5" x14ac:dyDescent="0.25">
      <c r="A183" s="169" t="s">
        <v>500</v>
      </c>
      <c r="B183" s="170" t="s">
        <v>501</v>
      </c>
      <c r="C183" s="171" t="s">
        <v>502</v>
      </c>
      <c r="D183" s="175" t="s">
        <v>22</v>
      </c>
      <c r="E183" s="173" t="s">
        <v>3104</v>
      </c>
    </row>
    <row r="184" spans="1:5" s="37" customFormat="1" ht="57" x14ac:dyDescent="0.25">
      <c r="A184" s="169" t="s">
        <v>503</v>
      </c>
      <c r="B184" s="170" t="s">
        <v>504</v>
      </c>
      <c r="C184" s="171" t="s">
        <v>3298</v>
      </c>
      <c r="D184" s="172" t="s">
        <v>3245</v>
      </c>
      <c r="E184" s="174" t="s">
        <v>3083</v>
      </c>
    </row>
    <row r="185" spans="1:5" s="37" customFormat="1" ht="51" x14ac:dyDescent="0.25">
      <c r="A185" s="169" t="s">
        <v>505</v>
      </c>
      <c r="B185" s="170" t="s">
        <v>506</v>
      </c>
      <c r="C185" s="171" t="s">
        <v>2678</v>
      </c>
      <c r="D185" s="172" t="s">
        <v>3245</v>
      </c>
      <c r="E185" s="174" t="s">
        <v>3083</v>
      </c>
    </row>
    <row r="186" spans="1:5" s="37" customFormat="1" ht="51" x14ac:dyDescent="0.25">
      <c r="A186" s="169" t="s">
        <v>509</v>
      </c>
      <c r="B186" s="170" t="s">
        <v>510</v>
      </c>
      <c r="C186" s="171" t="s">
        <v>2678</v>
      </c>
      <c r="D186" s="172" t="s">
        <v>3245</v>
      </c>
      <c r="E186" s="174" t="s">
        <v>3083</v>
      </c>
    </row>
    <row r="187" spans="1:5" s="37" customFormat="1" ht="51" x14ac:dyDescent="0.25">
      <c r="A187" s="169" t="s">
        <v>511</v>
      </c>
      <c r="B187" s="170" t="s">
        <v>512</v>
      </c>
      <c r="C187" s="171" t="s">
        <v>2678</v>
      </c>
      <c r="D187" s="172" t="s">
        <v>3245</v>
      </c>
      <c r="E187" s="174" t="s">
        <v>3084</v>
      </c>
    </row>
    <row r="188" spans="1:5" s="37" customFormat="1" ht="51" x14ac:dyDescent="0.25">
      <c r="A188" s="169" t="s">
        <v>513</v>
      </c>
      <c r="B188" s="170" t="s">
        <v>514</v>
      </c>
      <c r="C188" s="171" t="s">
        <v>2678</v>
      </c>
      <c r="D188" s="172" t="s">
        <v>3245</v>
      </c>
      <c r="E188" s="174" t="s">
        <v>3085</v>
      </c>
    </row>
    <row r="189" spans="1:5" s="37" customFormat="1" ht="51" x14ac:dyDescent="0.25">
      <c r="A189" s="169" t="s">
        <v>515</v>
      </c>
      <c r="B189" s="170" t="s">
        <v>516</v>
      </c>
      <c r="C189" s="171" t="s">
        <v>2678</v>
      </c>
      <c r="D189" s="172" t="s">
        <v>3245</v>
      </c>
      <c r="E189" s="174" t="s">
        <v>3086</v>
      </c>
    </row>
    <row r="190" spans="1:5" s="37" customFormat="1" ht="51" x14ac:dyDescent="0.25">
      <c r="A190" s="169" t="s">
        <v>517</v>
      </c>
      <c r="B190" s="170" t="s">
        <v>518</v>
      </c>
      <c r="C190" s="171" t="s">
        <v>2678</v>
      </c>
      <c r="D190" s="172" t="s">
        <v>3245</v>
      </c>
      <c r="E190" s="174" t="s">
        <v>3087</v>
      </c>
    </row>
    <row r="191" spans="1:5" s="37" customFormat="1" ht="57" x14ac:dyDescent="0.25">
      <c r="A191" s="169" t="s">
        <v>519</v>
      </c>
      <c r="B191" s="170" t="s">
        <v>520</v>
      </c>
      <c r="C191" s="171" t="s">
        <v>2678</v>
      </c>
      <c r="D191" s="172" t="s">
        <v>3246</v>
      </c>
      <c r="E191" s="174" t="s">
        <v>3086</v>
      </c>
    </row>
    <row r="192" spans="1:5" s="37" customFormat="1" ht="57" x14ac:dyDescent="0.25">
      <c r="A192" s="169" t="s">
        <v>521</v>
      </c>
      <c r="B192" s="170" t="s">
        <v>522</v>
      </c>
      <c r="C192" s="171" t="s">
        <v>2678</v>
      </c>
      <c r="D192" s="172" t="s">
        <v>3245</v>
      </c>
      <c r="E192" s="174" t="s">
        <v>3086</v>
      </c>
    </row>
    <row r="193" spans="1:5" s="37" customFormat="1" ht="89.25" x14ac:dyDescent="0.25">
      <c r="A193" s="183" t="s">
        <v>3487</v>
      </c>
      <c r="B193" s="184" t="s">
        <v>3488</v>
      </c>
      <c r="C193" s="185" t="s">
        <v>3490</v>
      </c>
      <c r="D193" s="186" t="s">
        <v>3491</v>
      </c>
      <c r="E193" s="187" t="s">
        <v>3489</v>
      </c>
    </row>
    <row r="194" spans="1:5" s="37" customFormat="1" ht="28.5" x14ac:dyDescent="0.25">
      <c r="A194" s="169" t="s">
        <v>523</v>
      </c>
      <c r="B194" s="170" t="s">
        <v>524</v>
      </c>
      <c r="C194" s="171" t="s">
        <v>525</v>
      </c>
      <c r="D194" s="175" t="s">
        <v>2910</v>
      </c>
      <c r="E194" s="173" t="s">
        <v>2664</v>
      </c>
    </row>
    <row r="195" spans="1:5" s="37" customFormat="1" ht="28.5" x14ac:dyDescent="0.25">
      <c r="A195" s="169" t="s">
        <v>526</v>
      </c>
      <c r="B195" s="170" t="s">
        <v>527</v>
      </c>
      <c r="C195" s="169" t="s">
        <v>528</v>
      </c>
      <c r="D195" s="175" t="s">
        <v>2910</v>
      </c>
      <c r="E195" s="173" t="s">
        <v>2664</v>
      </c>
    </row>
    <row r="196" spans="1:5" s="37" customFormat="1" ht="42.75" x14ac:dyDescent="0.25">
      <c r="A196" s="169" t="s">
        <v>529</v>
      </c>
      <c r="B196" s="170" t="s">
        <v>530</v>
      </c>
      <c r="C196" s="169" t="s">
        <v>531</v>
      </c>
      <c r="D196" s="175" t="s">
        <v>2910</v>
      </c>
      <c r="E196" s="173" t="s">
        <v>2664</v>
      </c>
    </row>
    <row r="197" spans="1:5" s="37" customFormat="1" ht="42.75" x14ac:dyDescent="0.25">
      <c r="A197" s="169" t="s">
        <v>532</v>
      </c>
      <c r="B197" s="170" t="s">
        <v>533</v>
      </c>
      <c r="C197" s="171" t="s">
        <v>534</v>
      </c>
      <c r="D197" s="175" t="s">
        <v>2910</v>
      </c>
      <c r="E197" s="173" t="s">
        <v>2664</v>
      </c>
    </row>
    <row r="198" spans="1:5" s="37" customFormat="1" ht="42.75" x14ac:dyDescent="0.25">
      <c r="A198" s="169" t="s">
        <v>535</v>
      </c>
      <c r="B198" s="170" t="s">
        <v>536</v>
      </c>
      <c r="C198" s="171" t="s">
        <v>537</v>
      </c>
      <c r="D198" s="172" t="s">
        <v>3247</v>
      </c>
      <c r="E198" s="173" t="s">
        <v>2664</v>
      </c>
    </row>
    <row r="199" spans="1:5" s="37" customFormat="1" ht="57" x14ac:dyDescent="0.25">
      <c r="A199" s="169" t="s">
        <v>538</v>
      </c>
      <c r="B199" s="170" t="s">
        <v>539</v>
      </c>
      <c r="C199" s="171" t="s">
        <v>974</v>
      </c>
      <c r="D199" s="172" t="s">
        <v>3239</v>
      </c>
      <c r="E199" s="174" t="s">
        <v>540</v>
      </c>
    </row>
    <row r="200" spans="1:5" s="37" customFormat="1" ht="28.5" x14ac:dyDescent="0.25">
      <c r="A200" s="169" t="s">
        <v>541</v>
      </c>
      <c r="B200" s="170" t="s">
        <v>975</v>
      </c>
      <c r="C200" s="171" t="s">
        <v>542</v>
      </c>
      <c r="D200" s="175" t="s">
        <v>543</v>
      </c>
      <c r="E200" s="174" t="s">
        <v>540</v>
      </c>
    </row>
    <row r="201" spans="1:5" s="37" customFormat="1" ht="185.25" x14ac:dyDescent="0.25">
      <c r="A201" s="169" t="s">
        <v>544</v>
      </c>
      <c r="B201" s="170" t="s">
        <v>545</v>
      </c>
      <c r="C201" s="171" t="s">
        <v>2681</v>
      </c>
      <c r="D201" s="172" t="s">
        <v>22</v>
      </c>
      <c r="E201" s="174" t="s">
        <v>2696</v>
      </c>
    </row>
    <row r="202" spans="1:5" s="37" customFormat="1" ht="185.25" x14ac:dyDescent="0.25">
      <c r="A202" s="169" t="s">
        <v>546</v>
      </c>
      <c r="B202" s="170" t="s">
        <v>547</v>
      </c>
      <c r="C202" s="171" t="s">
        <v>2681</v>
      </c>
      <c r="D202" s="172" t="s">
        <v>22</v>
      </c>
      <c r="E202" s="174" t="s">
        <v>540</v>
      </c>
    </row>
    <row r="203" spans="1:5" s="37" customFormat="1" ht="57" x14ac:dyDescent="0.25">
      <c r="A203" s="169" t="s">
        <v>548</v>
      </c>
      <c r="B203" s="170" t="s">
        <v>549</v>
      </c>
      <c r="C203" s="171" t="s">
        <v>550</v>
      </c>
      <c r="D203" s="175" t="s">
        <v>551</v>
      </c>
      <c r="E203" s="174" t="s">
        <v>540</v>
      </c>
    </row>
    <row r="204" spans="1:5" s="37" customFormat="1" ht="185.25" x14ac:dyDescent="0.25">
      <c r="A204" s="169" t="s">
        <v>552</v>
      </c>
      <c r="B204" s="170" t="s">
        <v>553</v>
      </c>
      <c r="C204" s="171" t="s">
        <v>2681</v>
      </c>
      <c r="D204" s="172" t="s">
        <v>22</v>
      </c>
      <c r="E204" s="174" t="s">
        <v>540</v>
      </c>
    </row>
    <row r="205" spans="1:5" s="37" customFormat="1" ht="28.5" x14ac:dyDescent="0.25">
      <c r="A205" s="169" t="s">
        <v>554</v>
      </c>
      <c r="B205" s="170" t="s">
        <v>555</v>
      </c>
      <c r="C205" s="46" t="s">
        <v>2717</v>
      </c>
      <c r="D205" s="172" t="s">
        <v>22</v>
      </c>
      <c r="E205" s="173" t="s">
        <v>2728</v>
      </c>
    </row>
    <row r="206" spans="1:5" s="37" customFormat="1" ht="71.25" x14ac:dyDescent="0.25">
      <c r="A206" s="169" t="s">
        <v>556</v>
      </c>
      <c r="B206" s="170" t="s">
        <v>557</v>
      </c>
      <c r="C206" s="171" t="s">
        <v>3264</v>
      </c>
      <c r="D206" s="172" t="s">
        <v>22</v>
      </c>
      <c r="E206" s="173" t="s">
        <v>2728</v>
      </c>
    </row>
    <row r="207" spans="1:5" s="37" customFormat="1" ht="99.75" x14ac:dyDescent="0.25">
      <c r="A207" s="169" t="s">
        <v>558</v>
      </c>
      <c r="B207" s="170" t="s">
        <v>559</v>
      </c>
      <c r="C207" s="171" t="s">
        <v>2911</v>
      </c>
      <c r="D207" s="172" t="s">
        <v>22</v>
      </c>
      <c r="E207" s="173" t="s">
        <v>2728</v>
      </c>
    </row>
    <row r="208" spans="1:5" s="37" customFormat="1" ht="28.5" x14ac:dyDescent="0.25">
      <c r="A208" s="169" t="s">
        <v>562</v>
      </c>
      <c r="B208" s="170" t="s">
        <v>563</v>
      </c>
      <c r="C208" s="171" t="s">
        <v>564</v>
      </c>
      <c r="D208" s="172" t="s">
        <v>22</v>
      </c>
      <c r="E208" s="173" t="s">
        <v>2722</v>
      </c>
    </row>
    <row r="209" spans="1:5" s="37" customFormat="1" ht="28.5" x14ac:dyDescent="0.25">
      <c r="A209" s="169" t="s">
        <v>565</v>
      </c>
      <c r="B209" s="170" t="s">
        <v>566</v>
      </c>
      <c r="C209" s="169" t="s">
        <v>567</v>
      </c>
      <c r="D209" s="172" t="s">
        <v>22</v>
      </c>
      <c r="E209" s="173" t="s">
        <v>2722</v>
      </c>
    </row>
    <row r="210" spans="1:5" s="37" customFormat="1" ht="71.25" x14ac:dyDescent="0.25">
      <c r="A210" s="169" t="s">
        <v>568</v>
      </c>
      <c r="B210" s="170" t="s">
        <v>569</v>
      </c>
      <c r="C210" s="171" t="s">
        <v>570</v>
      </c>
      <c r="D210" s="172" t="s">
        <v>22</v>
      </c>
      <c r="E210" s="174" t="s">
        <v>2718</v>
      </c>
    </row>
    <row r="211" spans="1:5" s="37" customFormat="1" ht="63.75" x14ac:dyDescent="0.25">
      <c r="A211" s="169" t="s">
        <v>571</v>
      </c>
      <c r="B211" s="170" t="s">
        <v>572</v>
      </c>
      <c r="C211" s="171" t="s">
        <v>2719</v>
      </c>
      <c r="D211" s="172" t="s">
        <v>22</v>
      </c>
      <c r="E211" s="174" t="s">
        <v>2720</v>
      </c>
    </row>
    <row r="212" spans="1:5" s="37" customFormat="1" ht="57" x14ac:dyDescent="0.25">
      <c r="A212" s="169" t="s">
        <v>573</v>
      </c>
      <c r="B212" s="170" t="s">
        <v>574</v>
      </c>
      <c r="C212" s="171" t="s">
        <v>2682</v>
      </c>
      <c r="D212" s="172" t="s">
        <v>22</v>
      </c>
      <c r="E212" s="174" t="s">
        <v>2597</v>
      </c>
    </row>
    <row r="213" spans="1:5" s="37" customFormat="1" ht="42.75" x14ac:dyDescent="0.25">
      <c r="A213" s="169" t="s">
        <v>575</v>
      </c>
      <c r="B213" s="170" t="s">
        <v>576</v>
      </c>
      <c r="C213" s="171" t="s">
        <v>2721</v>
      </c>
      <c r="D213" s="172" t="s">
        <v>22</v>
      </c>
      <c r="E213" s="173" t="s">
        <v>2722</v>
      </c>
    </row>
    <row r="214" spans="1:5" s="37" customFormat="1" ht="57" x14ac:dyDescent="0.25">
      <c r="A214" s="169" t="s">
        <v>577</v>
      </c>
      <c r="B214" s="170" t="s">
        <v>578</v>
      </c>
      <c r="C214" s="171" t="s">
        <v>2683</v>
      </c>
      <c r="D214" s="172" t="s">
        <v>22</v>
      </c>
      <c r="E214" s="174" t="s">
        <v>2829</v>
      </c>
    </row>
    <row r="215" spans="1:5" s="37" customFormat="1" ht="114" x14ac:dyDescent="0.25">
      <c r="A215" s="169" t="s">
        <v>579</v>
      </c>
      <c r="B215" s="170" t="s">
        <v>580</v>
      </c>
      <c r="C215" s="171" t="s">
        <v>2913</v>
      </c>
      <c r="D215" s="172" t="s">
        <v>22</v>
      </c>
      <c r="E215" s="174" t="s">
        <v>2684</v>
      </c>
    </row>
    <row r="216" spans="1:5" s="37" customFormat="1" ht="42.75" x14ac:dyDescent="0.25">
      <c r="A216" s="169" t="s">
        <v>581</v>
      </c>
      <c r="B216" s="170" t="s">
        <v>582</v>
      </c>
      <c r="C216" s="171" t="s">
        <v>583</v>
      </c>
      <c r="D216" s="175" t="s">
        <v>22</v>
      </c>
      <c r="E216" s="173" t="s">
        <v>2723</v>
      </c>
    </row>
    <row r="217" spans="1:5" s="37" customFormat="1" ht="42.75" x14ac:dyDescent="0.25">
      <c r="A217" s="169" t="s">
        <v>584</v>
      </c>
      <c r="B217" s="170" t="s">
        <v>2899</v>
      </c>
      <c r="C217" s="171" t="s">
        <v>585</v>
      </c>
      <c r="D217" s="172" t="s">
        <v>3248</v>
      </c>
      <c r="E217" s="173" t="s">
        <v>2722</v>
      </c>
    </row>
    <row r="218" spans="1:5" s="37" customFormat="1" ht="42.75" x14ac:dyDescent="0.25">
      <c r="A218" s="169" t="s">
        <v>586</v>
      </c>
      <c r="B218" s="170" t="s">
        <v>2908</v>
      </c>
      <c r="C218" s="171" t="s">
        <v>2724</v>
      </c>
      <c r="D218" s="172" t="s">
        <v>22</v>
      </c>
      <c r="E218" s="174" t="s">
        <v>2718</v>
      </c>
    </row>
    <row r="219" spans="1:5" s="37" customFormat="1" ht="28.5" x14ac:dyDescent="0.25">
      <c r="A219" s="169" t="s">
        <v>587</v>
      </c>
      <c r="B219" s="170" t="s">
        <v>588</v>
      </c>
      <c r="C219" s="46" t="s">
        <v>589</v>
      </c>
      <c r="D219" s="172" t="s">
        <v>22</v>
      </c>
      <c r="E219" s="173" t="s">
        <v>2722</v>
      </c>
    </row>
    <row r="220" spans="1:5" s="37" customFormat="1" ht="42.75" x14ac:dyDescent="0.25">
      <c r="A220" s="169" t="s">
        <v>590</v>
      </c>
      <c r="B220" s="170" t="s">
        <v>591</v>
      </c>
      <c r="C220" s="171" t="s">
        <v>592</v>
      </c>
      <c r="D220" s="172" t="s">
        <v>22</v>
      </c>
      <c r="E220" s="174" t="s">
        <v>2830</v>
      </c>
    </row>
    <row r="221" spans="1:5" s="37" customFormat="1" ht="57" x14ac:dyDescent="0.25">
      <c r="A221" s="169" t="s">
        <v>593</v>
      </c>
      <c r="B221" s="170" t="s">
        <v>594</v>
      </c>
      <c r="C221" s="171" t="s">
        <v>2853</v>
      </c>
      <c r="D221" s="172" t="s">
        <v>3247</v>
      </c>
      <c r="E221" s="174" t="s">
        <v>2664</v>
      </c>
    </row>
    <row r="222" spans="1:5" s="37" customFormat="1" ht="57" x14ac:dyDescent="0.25">
      <c r="A222" s="169" t="s">
        <v>2862</v>
      </c>
      <c r="B222" s="105" t="s">
        <v>2863</v>
      </c>
      <c r="C222" s="26" t="s">
        <v>2864</v>
      </c>
      <c r="D222" s="65" t="s">
        <v>2865</v>
      </c>
      <c r="E222" s="56" t="s">
        <v>2689</v>
      </c>
    </row>
    <row r="223" spans="1:5" s="37" customFormat="1" ht="42.75" x14ac:dyDescent="0.25">
      <c r="A223" s="169" t="s">
        <v>2866</v>
      </c>
      <c r="B223" s="105" t="s">
        <v>2867</v>
      </c>
      <c r="C223" s="26" t="s">
        <v>2868</v>
      </c>
      <c r="D223" s="65" t="s">
        <v>2869</v>
      </c>
      <c r="E223" s="56" t="s">
        <v>2689</v>
      </c>
    </row>
    <row r="224" spans="1:5" s="37" customFormat="1" ht="185.25" x14ac:dyDescent="0.25">
      <c r="A224" s="169" t="s">
        <v>2870</v>
      </c>
      <c r="B224" s="105" t="s">
        <v>2871</v>
      </c>
      <c r="C224" s="26" t="s">
        <v>2848</v>
      </c>
      <c r="D224" s="65" t="s">
        <v>22</v>
      </c>
      <c r="E224" s="56" t="s">
        <v>2689</v>
      </c>
    </row>
    <row r="225" spans="1:5" ht="57" x14ac:dyDescent="0.25">
      <c r="A225" s="221" t="s">
        <v>628</v>
      </c>
      <c r="B225" s="221" t="s">
        <v>629</v>
      </c>
      <c r="C225" s="223" t="s">
        <v>630</v>
      </c>
      <c r="D225" s="226" t="s">
        <v>631</v>
      </c>
      <c r="E225" s="44" t="s">
        <v>3692</v>
      </c>
    </row>
    <row r="226" spans="1:5" s="37" customFormat="1" ht="51" x14ac:dyDescent="0.25">
      <c r="A226" s="162" t="s">
        <v>3047</v>
      </c>
      <c r="B226" s="166" t="s">
        <v>3048</v>
      </c>
      <c r="C226" s="162" t="s">
        <v>630</v>
      </c>
      <c r="D226" s="165" t="s">
        <v>631</v>
      </c>
      <c r="E226" s="234" t="s">
        <v>3705</v>
      </c>
    </row>
    <row r="227" spans="1:5" s="1" customFormat="1" ht="114" x14ac:dyDescent="0.2">
      <c r="A227" s="5" t="s">
        <v>632</v>
      </c>
      <c r="B227" s="5" t="s">
        <v>633</v>
      </c>
      <c r="C227" s="4" t="s">
        <v>2680</v>
      </c>
      <c r="D227" s="4" t="s">
        <v>2779</v>
      </c>
      <c r="E227" s="198" t="s">
        <v>3503</v>
      </c>
    </row>
    <row r="228" spans="1:5" s="37" customFormat="1" ht="114" x14ac:dyDescent="0.25">
      <c r="A228" s="162" t="s">
        <v>3706</v>
      </c>
      <c r="B228" s="166" t="s">
        <v>633</v>
      </c>
      <c r="C228" s="44" t="s">
        <v>2680</v>
      </c>
      <c r="D228" s="165" t="s">
        <v>3249</v>
      </c>
      <c r="E228" s="198" t="s">
        <v>3503</v>
      </c>
    </row>
    <row r="229" spans="1:5" s="1" customFormat="1" ht="114" x14ac:dyDescent="0.2">
      <c r="A229" s="5" t="s">
        <v>634</v>
      </c>
      <c r="B229" s="5" t="s">
        <v>635</v>
      </c>
      <c r="C229" s="4" t="s">
        <v>636</v>
      </c>
      <c r="D229" s="167" t="s">
        <v>637</v>
      </c>
      <c r="E229" s="4" t="s">
        <v>2756</v>
      </c>
    </row>
    <row r="230" spans="1:5" s="1" customFormat="1" x14ac:dyDescent="0.2">
      <c r="A230" s="5" t="s">
        <v>638</v>
      </c>
      <c r="B230" s="5" t="s">
        <v>639</v>
      </c>
      <c r="C230" s="4" t="s">
        <v>640</v>
      </c>
      <c r="D230" s="167" t="s">
        <v>641</v>
      </c>
      <c r="E230" s="4" t="s">
        <v>2757</v>
      </c>
    </row>
    <row r="231" spans="1:5" s="1" customFormat="1" ht="85.5" x14ac:dyDescent="0.2">
      <c r="A231" s="5" t="s">
        <v>642</v>
      </c>
      <c r="B231" s="5" t="s">
        <v>643</v>
      </c>
      <c r="C231" s="4" t="s">
        <v>644</v>
      </c>
      <c r="D231" s="167" t="s">
        <v>3461</v>
      </c>
      <c r="E231" s="4" t="s">
        <v>2758</v>
      </c>
    </row>
    <row r="232" spans="1:5" s="37" customFormat="1" ht="51" x14ac:dyDescent="0.25">
      <c r="A232" s="162" t="s">
        <v>645</v>
      </c>
      <c r="B232" s="166" t="s">
        <v>646</v>
      </c>
      <c r="C232" s="163" t="s">
        <v>647</v>
      </c>
      <c r="D232" s="167" t="s">
        <v>3463</v>
      </c>
      <c r="E232" s="164" t="s">
        <v>2741</v>
      </c>
    </row>
    <row r="233" spans="1:5" s="1" customFormat="1" ht="63.75" x14ac:dyDescent="0.2">
      <c r="A233" s="5" t="s">
        <v>648</v>
      </c>
      <c r="B233" s="5" t="s">
        <v>649</v>
      </c>
      <c r="C233" s="4" t="s">
        <v>650</v>
      </c>
      <c r="D233" s="167" t="s">
        <v>3464</v>
      </c>
      <c r="E233" s="4" t="s">
        <v>2738</v>
      </c>
    </row>
    <row r="234" spans="1:5" s="1" customFormat="1" ht="28.5" x14ac:dyDescent="0.2">
      <c r="A234" s="5" t="s">
        <v>651</v>
      </c>
      <c r="B234" s="5" t="s">
        <v>652</v>
      </c>
      <c r="C234" s="4" t="s">
        <v>653</v>
      </c>
      <c r="D234" s="167" t="s">
        <v>654</v>
      </c>
      <c r="E234" s="4" t="s">
        <v>2759</v>
      </c>
    </row>
    <row r="235" spans="1:5" s="1" customFormat="1" ht="57" x14ac:dyDescent="0.2">
      <c r="A235" s="5" t="s">
        <v>655</v>
      </c>
      <c r="B235" s="5" t="s">
        <v>656</v>
      </c>
      <c r="C235" s="4" t="s">
        <v>657</v>
      </c>
      <c r="D235" s="167" t="s">
        <v>658</v>
      </c>
      <c r="E235" s="4" t="s">
        <v>2760</v>
      </c>
    </row>
    <row r="236" spans="1:5" s="1" customFormat="1" ht="25.5" x14ac:dyDescent="0.2">
      <c r="A236" s="5" t="s">
        <v>659</v>
      </c>
      <c r="B236" s="5" t="s">
        <v>660</v>
      </c>
      <c r="C236" s="4" t="s">
        <v>661</v>
      </c>
      <c r="D236" s="167" t="s">
        <v>2902</v>
      </c>
      <c r="E236" s="4" t="s">
        <v>2758</v>
      </c>
    </row>
    <row r="237" spans="1:5" s="1" customFormat="1" ht="57" x14ac:dyDescent="0.2">
      <c r="A237" s="5" t="s">
        <v>662</v>
      </c>
      <c r="B237" s="5" t="s">
        <v>663</v>
      </c>
      <c r="C237" s="4" t="s">
        <v>664</v>
      </c>
      <c r="D237" s="167" t="s">
        <v>2902</v>
      </c>
      <c r="E237" s="4" t="s">
        <v>2758</v>
      </c>
    </row>
    <row r="238" spans="1:5" s="1" customFormat="1" x14ac:dyDescent="0.2">
      <c r="A238" s="5" t="s">
        <v>665</v>
      </c>
      <c r="B238" s="5" t="s">
        <v>666</v>
      </c>
      <c r="C238" s="4" t="s">
        <v>667</v>
      </c>
      <c r="D238" s="167" t="s">
        <v>668</v>
      </c>
      <c r="E238" s="4" t="s">
        <v>2761</v>
      </c>
    </row>
    <row r="239" spans="1:5" s="1" customFormat="1" ht="25.5" x14ac:dyDescent="0.2">
      <c r="A239" s="5" t="s">
        <v>669</v>
      </c>
      <c r="B239" s="5" t="s">
        <v>670</v>
      </c>
      <c r="C239" s="4" t="s">
        <v>671</v>
      </c>
      <c r="D239" s="167" t="s">
        <v>2904</v>
      </c>
      <c r="E239" s="4" t="s">
        <v>2762</v>
      </c>
    </row>
    <row r="240" spans="1:5" s="1" customFormat="1" ht="71.25" x14ac:dyDescent="0.2">
      <c r="A240" s="162" t="s">
        <v>672</v>
      </c>
      <c r="B240" s="162" t="s">
        <v>673</v>
      </c>
      <c r="C240" s="163" t="s">
        <v>674</v>
      </c>
      <c r="D240" s="163" t="s">
        <v>3465</v>
      </c>
      <c r="E240" s="163" t="s">
        <v>2763</v>
      </c>
    </row>
    <row r="241" spans="1:5" s="1" customFormat="1" ht="42.75" x14ac:dyDescent="0.2">
      <c r="A241" s="5" t="s">
        <v>675</v>
      </c>
      <c r="B241" s="5" t="s">
        <v>676</v>
      </c>
      <c r="C241" s="4" t="s">
        <v>677</v>
      </c>
      <c r="D241" s="167" t="s">
        <v>2903</v>
      </c>
      <c r="E241" s="4" t="s">
        <v>2764</v>
      </c>
    </row>
    <row r="242" spans="1:5" s="1" customFormat="1" ht="42.75" x14ac:dyDescent="0.2">
      <c r="A242" s="5" t="s">
        <v>678</v>
      </c>
      <c r="B242" s="5" t="s">
        <v>679</v>
      </c>
      <c r="C242" s="4" t="s">
        <v>680</v>
      </c>
      <c r="D242" s="167" t="s">
        <v>3466</v>
      </c>
      <c r="E242" s="4" t="s">
        <v>2746</v>
      </c>
    </row>
    <row r="243" spans="1:5" ht="42.75" x14ac:dyDescent="0.25">
      <c r="A243" s="221" t="s">
        <v>681</v>
      </c>
      <c r="B243" s="221" t="s">
        <v>682</v>
      </c>
      <c r="C243" s="223" t="s">
        <v>683</v>
      </c>
      <c r="D243" s="226" t="s">
        <v>3467</v>
      </c>
      <c r="E243" s="44" t="s">
        <v>3693</v>
      </c>
    </row>
    <row r="244" spans="1:5" s="1" customFormat="1" ht="57" x14ac:dyDescent="0.2">
      <c r="A244" s="5" t="s">
        <v>684</v>
      </c>
      <c r="B244" s="5" t="s">
        <v>685</v>
      </c>
      <c r="C244" s="4" t="s">
        <v>686</v>
      </c>
      <c r="D244" s="167" t="s">
        <v>705</v>
      </c>
      <c r="E244" s="4" t="s">
        <v>2765</v>
      </c>
    </row>
    <row r="245" spans="1:5" s="37" customFormat="1" ht="57" x14ac:dyDescent="0.25">
      <c r="A245" s="162" t="s">
        <v>2635</v>
      </c>
      <c r="B245" s="166" t="s">
        <v>2636</v>
      </c>
      <c r="C245" s="163" t="s">
        <v>3468</v>
      </c>
      <c r="D245" s="167" t="s">
        <v>3469</v>
      </c>
      <c r="E245" s="164" t="s">
        <v>3470</v>
      </c>
    </row>
    <row r="246" spans="1:5" s="1" customFormat="1" ht="28.5" x14ac:dyDescent="0.2">
      <c r="A246" s="5" t="s">
        <v>687</v>
      </c>
      <c r="B246" s="5" t="s">
        <v>688</v>
      </c>
      <c r="C246" s="4" t="s">
        <v>689</v>
      </c>
      <c r="D246" s="167" t="s">
        <v>2782</v>
      </c>
      <c r="E246" s="4" t="s">
        <v>2306</v>
      </c>
    </row>
    <row r="247" spans="1:5" s="1" customFormat="1" ht="28.5" x14ac:dyDescent="0.2">
      <c r="A247" s="5" t="s">
        <v>690</v>
      </c>
      <c r="B247" s="5" t="s">
        <v>691</v>
      </c>
      <c r="C247" s="4" t="s">
        <v>692</v>
      </c>
      <c r="D247" s="167" t="s">
        <v>693</v>
      </c>
      <c r="E247" s="4" t="s">
        <v>2759</v>
      </c>
    </row>
    <row r="248" spans="1:5" s="37" customFormat="1" ht="99.75" x14ac:dyDescent="0.25">
      <c r="A248" s="162" t="s">
        <v>701</v>
      </c>
      <c r="B248" s="166" t="s">
        <v>3471</v>
      </c>
      <c r="C248" s="163" t="s">
        <v>3472</v>
      </c>
      <c r="D248" s="167" t="s">
        <v>2783</v>
      </c>
      <c r="E248" s="164" t="s">
        <v>2766</v>
      </c>
    </row>
    <row r="249" spans="1:5" s="1" customFormat="1" ht="71.25" x14ac:dyDescent="0.2">
      <c r="A249" s="5" t="s">
        <v>694</v>
      </c>
      <c r="B249" s="5" t="s">
        <v>695</v>
      </c>
      <c r="C249" s="4" t="s">
        <v>696</v>
      </c>
      <c r="D249" s="167" t="s">
        <v>968</v>
      </c>
      <c r="E249" s="4" t="s">
        <v>2766</v>
      </c>
    </row>
    <row r="250" spans="1:5" s="2" customFormat="1" ht="71.25" x14ac:dyDescent="0.25">
      <c r="A250" s="5" t="s">
        <v>697</v>
      </c>
      <c r="B250" s="5" t="s">
        <v>2797</v>
      </c>
      <c r="C250" s="4" t="s">
        <v>699</v>
      </c>
      <c r="D250" s="167" t="s">
        <v>979</v>
      </c>
      <c r="E250" s="4" t="s">
        <v>700</v>
      </c>
    </row>
    <row r="251" spans="1:5" s="2" customFormat="1" ht="85.5" x14ac:dyDescent="0.25">
      <c r="A251" s="5" t="s">
        <v>702</v>
      </c>
      <c r="B251" s="5" t="s">
        <v>703</v>
      </c>
      <c r="C251" s="4" t="s">
        <v>704</v>
      </c>
      <c r="D251" s="167" t="s">
        <v>705</v>
      </c>
      <c r="E251" s="4" t="s">
        <v>2765</v>
      </c>
    </row>
    <row r="252" spans="1:5" s="37" customFormat="1" ht="51" x14ac:dyDescent="0.25">
      <c r="A252" s="162" t="s">
        <v>706</v>
      </c>
      <c r="B252" s="166" t="s">
        <v>707</v>
      </c>
      <c r="C252" s="163" t="s">
        <v>708</v>
      </c>
      <c r="D252" s="167" t="s">
        <v>3473</v>
      </c>
      <c r="E252" s="164" t="s">
        <v>2765</v>
      </c>
    </row>
    <row r="253" spans="1:5" s="37" customFormat="1" ht="28.5" x14ac:dyDescent="0.25">
      <c r="A253" s="162" t="s">
        <v>3474</v>
      </c>
      <c r="B253" s="166" t="s">
        <v>3475</v>
      </c>
      <c r="C253" s="44" t="s">
        <v>3654</v>
      </c>
      <c r="D253" s="167"/>
      <c r="E253" s="164"/>
    </row>
    <row r="254" spans="1:5" s="2" customFormat="1" ht="71.25" x14ac:dyDescent="0.25">
      <c r="A254" s="5" t="s">
        <v>709</v>
      </c>
      <c r="B254" s="5" t="s">
        <v>710</v>
      </c>
      <c r="C254" s="4" t="s">
        <v>711</v>
      </c>
      <c r="D254" s="167" t="s">
        <v>712</v>
      </c>
      <c r="E254" s="4" t="s">
        <v>2767</v>
      </c>
    </row>
    <row r="255" spans="1:5" s="213" customFormat="1" ht="25.5" x14ac:dyDescent="0.25">
      <c r="A255" s="221" t="s">
        <v>3476</v>
      </c>
      <c r="B255" s="222" t="s">
        <v>3477</v>
      </c>
      <c r="C255" s="44" t="s">
        <v>3655</v>
      </c>
      <c r="D255" s="226" t="s">
        <v>3478</v>
      </c>
      <c r="E255" s="225" t="s">
        <v>2772</v>
      </c>
    </row>
    <row r="256" spans="1:5" s="2" customFormat="1" ht="99.75" x14ac:dyDescent="0.25">
      <c r="A256" s="5" t="s">
        <v>713</v>
      </c>
      <c r="B256" s="5" t="s">
        <v>714</v>
      </c>
      <c r="C256" s="4" t="s">
        <v>715</v>
      </c>
      <c r="D256" s="167" t="s">
        <v>716</v>
      </c>
      <c r="E256" s="4" t="s">
        <v>2765</v>
      </c>
    </row>
    <row r="257" spans="1:5" s="2" customFormat="1" ht="57" x14ac:dyDescent="0.25">
      <c r="A257" s="4" t="s">
        <v>717</v>
      </c>
      <c r="B257" s="4" t="s">
        <v>718</v>
      </c>
      <c r="C257" s="4" t="s">
        <v>2791</v>
      </c>
      <c r="D257" s="167" t="s">
        <v>720</v>
      </c>
      <c r="E257" s="4" t="s">
        <v>2736</v>
      </c>
    </row>
    <row r="258" spans="1:5" s="2" customFormat="1" ht="28.5" x14ac:dyDescent="0.25">
      <c r="A258" s="5" t="s">
        <v>721</v>
      </c>
      <c r="B258" s="5" t="s">
        <v>722</v>
      </c>
      <c r="C258" s="4" t="s">
        <v>723</v>
      </c>
      <c r="D258" s="167" t="s">
        <v>724</v>
      </c>
      <c r="E258" s="4" t="s">
        <v>2758</v>
      </c>
    </row>
    <row r="259" spans="1:5" s="2" customFormat="1" ht="99.75" x14ac:dyDescent="0.25">
      <c r="A259" s="5" t="s">
        <v>725</v>
      </c>
      <c r="B259" s="5" t="s">
        <v>726</v>
      </c>
      <c r="C259" s="4" t="s">
        <v>727</v>
      </c>
      <c r="D259" s="163" t="s">
        <v>3479</v>
      </c>
      <c r="E259" s="4" t="s">
        <v>2768</v>
      </c>
    </row>
    <row r="260" spans="1:5" s="2" customFormat="1" ht="71.25" x14ac:dyDescent="0.25">
      <c r="A260" s="5" t="s">
        <v>728</v>
      </c>
      <c r="B260" s="5" t="s">
        <v>729</v>
      </c>
      <c r="C260" s="4" t="s">
        <v>730</v>
      </c>
      <c r="D260" s="167" t="s">
        <v>316</v>
      </c>
      <c r="E260" s="4" t="s">
        <v>2769</v>
      </c>
    </row>
    <row r="261" spans="1:5" s="2" customFormat="1" ht="42.75" x14ac:dyDescent="0.25">
      <c r="A261" s="5" t="s">
        <v>731</v>
      </c>
      <c r="B261" s="5" t="s">
        <v>732</v>
      </c>
      <c r="C261" s="4" t="s">
        <v>733</v>
      </c>
      <c r="D261" s="167" t="s">
        <v>2780</v>
      </c>
      <c r="E261" s="4" t="s">
        <v>2792</v>
      </c>
    </row>
    <row r="262" spans="1:5" s="2" customFormat="1" ht="28.5" x14ac:dyDescent="0.25">
      <c r="A262" s="5" t="s">
        <v>734</v>
      </c>
      <c r="B262" s="5" t="s">
        <v>735</v>
      </c>
      <c r="C262" s="4" t="s">
        <v>749</v>
      </c>
      <c r="D262" s="167" t="s">
        <v>2781</v>
      </c>
      <c r="E262" s="4" t="s">
        <v>2760</v>
      </c>
    </row>
    <row r="263" spans="1:5" s="2" customFormat="1" ht="28.5" x14ac:dyDescent="0.25">
      <c r="A263" s="5" t="s">
        <v>736</v>
      </c>
      <c r="B263" s="5" t="s">
        <v>737</v>
      </c>
      <c r="C263" s="4" t="s">
        <v>738</v>
      </c>
      <c r="D263" s="167" t="s">
        <v>3480</v>
      </c>
      <c r="E263" s="4" t="s">
        <v>2770</v>
      </c>
    </row>
    <row r="264" spans="1:5" s="2" customFormat="1" ht="57" x14ac:dyDescent="0.25">
      <c r="A264" s="21" t="s">
        <v>778</v>
      </c>
      <c r="B264" s="21" t="s">
        <v>2798</v>
      </c>
      <c r="C264" s="4" t="s">
        <v>2651</v>
      </c>
      <c r="D264" s="165" t="s">
        <v>2872</v>
      </c>
      <c r="E264" s="4" t="s">
        <v>2741</v>
      </c>
    </row>
    <row r="265" spans="1:5" s="37" customFormat="1" ht="114" x14ac:dyDescent="0.25">
      <c r="A265" s="162" t="s">
        <v>740</v>
      </c>
      <c r="B265" s="166" t="s">
        <v>741</v>
      </c>
      <c r="C265" s="163" t="s">
        <v>2666</v>
      </c>
      <c r="D265" s="165" t="s">
        <v>3481</v>
      </c>
      <c r="E265" s="168" t="s">
        <v>3482</v>
      </c>
    </row>
    <row r="266" spans="1:5" s="37" customFormat="1" ht="71.25" x14ac:dyDescent="0.25">
      <c r="A266" s="162" t="s">
        <v>742</v>
      </c>
      <c r="B266" s="166" t="s">
        <v>743</v>
      </c>
      <c r="C266" s="163" t="s">
        <v>3483</v>
      </c>
      <c r="D266" s="165" t="s">
        <v>744</v>
      </c>
      <c r="E266" s="168" t="s">
        <v>2741</v>
      </c>
    </row>
    <row r="267" spans="1:5" s="1" customFormat="1" ht="28.5" x14ac:dyDescent="0.2">
      <c r="A267" s="5" t="s">
        <v>745</v>
      </c>
      <c r="B267" s="5" t="s">
        <v>746</v>
      </c>
      <c r="C267" s="4" t="s">
        <v>747</v>
      </c>
      <c r="D267" s="167" t="s">
        <v>748</v>
      </c>
      <c r="E267" s="4" t="s">
        <v>2703</v>
      </c>
    </row>
    <row r="268" spans="1:5" s="1" customFormat="1" ht="63.75" x14ac:dyDescent="0.2">
      <c r="A268" s="5" t="s">
        <v>750</v>
      </c>
      <c r="B268" s="232" t="s">
        <v>3707</v>
      </c>
      <c r="C268" s="44" t="s">
        <v>3708</v>
      </c>
      <c r="D268" s="167" t="s">
        <v>3484</v>
      </c>
      <c r="E268" s="4" t="s">
        <v>2703</v>
      </c>
    </row>
    <row r="269" spans="1:5" s="1" customFormat="1" ht="42.75" x14ac:dyDescent="0.2">
      <c r="A269" s="5" t="s">
        <v>753</v>
      </c>
      <c r="B269" s="5" t="s">
        <v>754</v>
      </c>
      <c r="C269" s="4" t="s">
        <v>755</v>
      </c>
      <c r="D269" s="167" t="s">
        <v>756</v>
      </c>
      <c r="E269" s="4" t="s">
        <v>2741</v>
      </c>
    </row>
    <row r="270" spans="1:5" ht="28.5" x14ac:dyDescent="0.25">
      <c r="A270" s="221" t="s">
        <v>757</v>
      </c>
      <c r="B270" s="221" t="s">
        <v>2793</v>
      </c>
      <c r="C270" s="223" t="s">
        <v>759</v>
      </c>
      <c r="D270" s="224" t="s">
        <v>3239</v>
      </c>
      <c r="E270" s="44" t="s">
        <v>3694</v>
      </c>
    </row>
    <row r="271" spans="1:5" ht="42.75" x14ac:dyDescent="0.25">
      <c r="A271" s="221" t="s">
        <v>760</v>
      </c>
      <c r="B271" s="221" t="s">
        <v>761</v>
      </c>
      <c r="C271" s="223" t="s">
        <v>762</v>
      </c>
      <c r="D271" s="230" t="s">
        <v>57</v>
      </c>
      <c r="E271" s="44" t="s">
        <v>3694</v>
      </c>
    </row>
    <row r="272" spans="1:5" s="1" customFormat="1" ht="28.5" x14ac:dyDescent="0.2">
      <c r="A272" s="5" t="s">
        <v>763</v>
      </c>
      <c r="B272" s="5" t="s">
        <v>764</v>
      </c>
      <c r="C272" s="4" t="s">
        <v>765</v>
      </c>
      <c r="D272" s="4" t="s">
        <v>22</v>
      </c>
      <c r="E272" s="4" t="s">
        <v>2772</v>
      </c>
    </row>
    <row r="273" spans="1:5" s="1" customFormat="1" ht="28.5" x14ac:dyDescent="0.2">
      <c r="A273" s="5" t="s">
        <v>767</v>
      </c>
      <c r="B273" s="5" t="s">
        <v>768</v>
      </c>
      <c r="C273" s="4" t="s">
        <v>769</v>
      </c>
      <c r="D273" s="163" t="s">
        <v>2784</v>
      </c>
      <c r="E273" s="4" t="s">
        <v>2703</v>
      </c>
    </row>
    <row r="274" spans="1:5" s="1" customFormat="1" ht="28.5" x14ac:dyDescent="0.2">
      <c r="A274" s="5" t="s">
        <v>770</v>
      </c>
      <c r="B274" s="5" t="s">
        <v>771</v>
      </c>
      <c r="C274" s="4" t="s">
        <v>772</v>
      </c>
      <c r="D274" s="4" t="s">
        <v>2784</v>
      </c>
      <c r="E274" s="4" t="s">
        <v>2741</v>
      </c>
    </row>
    <row r="275" spans="1:5" s="213" customFormat="1" ht="42.75" x14ac:dyDescent="0.25">
      <c r="A275" s="221" t="s">
        <v>3485</v>
      </c>
      <c r="B275" s="222" t="s">
        <v>3486</v>
      </c>
      <c r="C275" s="44" t="s">
        <v>3657</v>
      </c>
      <c r="D275" s="44" t="s">
        <v>3656</v>
      </c>
      <c r="E275" s="44" t="s">
        <v>2822</v>
      </c>
    </row>
    <row r="276" spans="1:5" s="1" customFormat="1" ht="99.75" x14ac:dyDescent="0.2">
      <c r="A276" s="5" t="s">
        <v>773</v>
      </c>
      <c r="B276" s="5" t="s">
        <v>774</v>
      </c>
      <c r="C276" s="4" t="s">
        <v>775</v>
      </c>
      <c r="D276" s="165" t="s">
        <v>3239</v>
      </c>
      <c r="E276" s="4" t="s">
        <v>2773</v>
      </c>
    </row>
    <row r="277" spans="1:5" s="37" customFormat="1" ht="15" x14ac:dyDescent="0.25">
      <c r="A277" s="169" t="s">
        <v>776</v>
      </c>
      <c r="B277" s="170" t="s">
        <v>777</v>
      </c>
      <c r="C277" s="171"/>
      <c r="D277" s="172" t="s">
        <v>3239</v>
      </c>
      <c r="E277" s="174" t="s">
        <v>2811</v>
      </c>
    </row>
    <row r="278" spans="1:5" x14ac:dyDescent="0.25">
      <c r="B278" s="221"/>
      <c r="C278" s="223"/>
      <c r="E278" s="223"/>
    </row>
  </sheetData>
  <autoFilter ref="A2:E277" xr:uid="{6383E252-EC01-46BA-BA75-1CDD6F5D28BE}"/>
  <mergeCells count="6">
    <mergeCell ref="A11:A18"/>
    <mergeCell ref="B11:B18"/>
    <mergeCell ref="E11:E18"/>
    <mergeCell ref="A7:A10"/>
    <mergeCell ref="B7:B10"/>
    <mergeCell ref="E7:E10"/>
  </mergeCells>
  <hyperlinks>
    <hyperlink ref="C153" r:id="rId1" tooltip="Civil engineering" display="http://en.wikipedia.org/wiki/Civil_engineering" xr:uid="{00000000-0004-0000-0100-000000000000}"/>
    <hyperlink ref="C158" r:id="rId2" tooltip="Design" display="http://en.wikipedia.org/wiki/Design" xr:uid="{00000000-0004-0000-0100-000001000000}"/>
    <hyperlink ref="C183" r:id="rId3" tooltip="Computer" display="http://en.wikipedia.org/wiki/Computer" xr:uid="{00000000-0004-0000-0100-000002000000}"/>
  </hyperlinks>
  <pageMargins left="0.7" right="0.7" top="0.75" bottom="0.75" header="0.3" footer="0.3"/>
  <pageSetup paperSize="5" scale="14" fitToHeight="0" orientation="landscape" r:id="rId4"/>
  <headerFooter>
    <oddHeader>&amp;R&amp;"Verdana,Bold"Contractors</oddHeader>
    <oddFooter>&amp;C&amp;"Verdana,Bold"Page &amp;P of &amp;N</oddFoot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E38"/>
  <sheetViews>
    <sheetView zoomScale="85" zoomScaleNormal="85" zoomScalePageLayoutView="60" workbookViewId="0">
      <pane ySplit="2" topLeftCell="A27" activePane="bottomLeft" state="frozen"/>
      <selection pane="bottomLeft" activeCell="C6" sqref="C6"/>
    </sheetView>
  </sheetViews>
  <sheetFormatPr defaultColWidth="9.140625" defaultRowHeight="15" x14ac:dyDescent="0.25"/>
  <cols>
    <col min="1" max="1" width="15.5703125" style="121" bestFit="1" customWidth="1"/>
    <col min="2" max="2" width="37" style="121" bestFit="1" customWidth="1"/>
    <col min="3" max="3" width="76.5703125" style="121" customWidth="1"/>
    <col min="4" max="4" width="46.85546875" style="121" customWidth="1"/>
    <col min="5" max="5" width="51.85546875" style="121" bestFit="1" customWidth="1"/>
    <col min="6" max="16384" width="9.140625" style="35"/>
  </cols>
  <sheetData>
    <row r="1" spans="1:5" x14ac:dyDescent="0.25">
      <c r="A1" s="216" t="s">
        <v>3633</v>
      </c>
    </row>
    <row r="2" spans="1:5" s="32" customFormat="1" ht="14.25" x14ac:dyDescent="0.25">
      <c r="A2" s="16" t="s">
        <v>0</v>
      </c>
      <c r="B2" s="16" t="s">
        <v>1</v>
      </c>
      <c r="C2" s="16" t="s">
        <v>2</v>
      </c>
      <c r="D2" s="17" t="s">
        <v>3</v>
      </c>
      <c r="E2" s="16" t="s">
        <v>4</v>
      </c>
    </row>
    <row r="3" spans="1:5" s="33" customFormat="1" ht="99.75" x14ac:dyDescent="0.25">
      <c r="A3" s="12" t="s">
        <v>19</v>
      </c>
      <c r="B3" s="109" t="s">
        <v>20</v>
      </c>
      <c r="C3" s="12" t="s">
        <v>21</v>
      </c>
      <c r="D3" s="110" t="s">
        <v>3024</v>
      </c>
      <c r="E3" s="109" t="s">
        <v>2713</v>
      </c>
    </row>
    <row r="4" spans="1:5" s="33" customFormat="1" ht="99.75" x14ac:dyDescent="0.25">
      <c r="A4" s="12" t="s">
        <v>23</v>
      </c>
      <c r="B4" s="109" t="s">
        <v>24</v>
      </c>
      <c r="C4" s="110" t="s">
        <v>3010</v>
      </c>
      <c r="D4" s="110" t="s">
        <v>3024</v>
      </c>
      <c r="E4" s="109" t="s">
        <v>2801</v>
      </c>
    </row>
    <row r="5" spans="1:5" s="33" customFormat="1" ht="99.75" x14ac:dyDescent="0.25">
      <c r="A5" s="12" t="s">
        <v>25</v>
      </c>
      <c r="B5" s="109" t="s">
        <v>5</v>
      </c>
      <c r="C5" s="110" t="s">
        <v>3011</v>
      </c>
      <c r="D5" s="110" t="s">
        <v>3024</v>
      </c>
      <c r="E5" s="109" t="s">
        <v>26</v>
      </c>
    </row>
    <row r="6" spans="1:5" s="33" customFormat="1" ht="114" x14ac:dyDescent="0.25">
      <c r="A6" s="109" t="s">
        <v>27</v>
      </c>
      <c r="B6" s="109" t="s">
        <v>6</v>
      </c>
      <c r="C6" s="190" t="s">
        <v>1953</v>
      </c>
      <c r="D6" s="110" t="s">
        <v>3025</v>
      </c>
      <c r="E6" s="109" t="s">
        <v>2802</v>
      </c>
    </row>
    <row r="7" spans="1:5" s="33" customFormat="1" ht="114" x14ac:dyDescent="0.25">
      <c r="A7" s="12" t="s">
        <v>28</v>
      </c>
      <c r="B7" s="109" t="s">
        <v>7</v>
      </c>
      <c r="C7" s="110" t="s">
        <v>3012</v>
      </c>
      <c r="D7" s="110" t="s">
        <v>3025</v>
      </c>
      <c r="E7" s="109" t="s">
        <v>2803</v>
      </c>
    </row>
    <row r="8" spans="1:5" s="33" customFormat="1" ht="99.75" x14ac:dyDescent="0.25">
      <c r="A8" s="12" t="s">
        <v>928</v>
      </c>
      <c r="B8" s="109" t="s">
        <v>2905</v>
      </c>
      <c r="C8" s="110" t="s">
        <v>3013</v>
      </c>
      <c r="D8" s="110" t="s">
        <v>3024</v>
      </c>
      <c r="E8" s="109" t="s">
        <v>2803</v>
      </c>
    </row>
    <row r="9" spans="1:5" s="33" customFormat="1" ht="114" x14ac:dyDescent="0.25">
      <c r="A9" s="109" t="s">
        <v>29</v>
      </c>
      <c r="B9" s="109" t="s">
        <v>8</v>
      </c>
      <c r="C9" s="110" t="s">
        <v>3012</v>
      </c>
      <c r="D9" s="110" t="s">
        <v>3025</v>
      </c>
      <c r="E9" s="109" t="s">
        <v>2803</v>
      </c>
    </row>
    <row r="10" spans="1:5" s="33" customFormat="1" ht="57" x14ac:dyDescent="0.25">
      <c r="A10" s="109" t="s">
        <v>30</v>
      </c>
      <c r="B10" s="109" t="s">
        <v>9</v>
      </c>
      <c r="C10" s="110" t="s">
        <v>3014</v>
      </c>
      <c r="D10" s="110" t="s">
        <v>2812</v>
      </c>
      <c r="E10" s="109" t="s">
        <v>2803</v>
      </c>
    </row>
    <row r="11" spans="1:5" s="33" customFormat="1" ht="114" x14ac:dyDescent="0.25">
      <c r="A11" s="109" t="s">
        <v>31</v>
      </c>
      <c r="B11" s="109" t="s">
        <v>10</v>
      </c>
      <c r="C11" s="110" t="s">
        <v>3012</v>
      </c>
      <c r="D11" s="110" t="s">
        <v>3025</v>
      </c>
      <c r="E11" s="109" t="s">
        <v>2803</v>
      </c>
    </row>
    <row r="12" spans="1:5" s="33" customFormat="1" ht="114" x14ac:dyDescent="0.25">
      <c r="A12" s="109" t="s">
        <v>32</v>
      </c>
      <c r="B12" s="109" t="s">
        <v>11</v>
      </c>
      <c r="C12" s="110" t="s">
        <v>3015</v>
      </c>
      <c r="D12" s="110" t="s">
        <v>3025</v>
      </c>
      <c r="E12" s="109" t="s">
        <v>2804</v>
      </c>
    </row>
    <row r="13" spans="1:5" s="33" customFormat="1" ht="114" x14ac:dyDescent="0.25">
      <c r="A13" s="109" t="s">
        <v>33</v>
      </c>
      <c r="B13" s="109" t="s">
        <v>12</v>
      </c>
      <c r="C13" s="110" t="s">
        <v>3016</v>
      </c>
      <c r="D13" s="110" t="s">
        <v>3025</v>
      </c>
      <c r="E13" s="109" t="s">
        <v>2804</v>
      </c>
    </row>
    <row r="14" spans="1:5" s="33" customFormat="1" ht="99.75" x14ac:dyDescent="0.25">
      <c r="A14" s="109" t="s">
        <v>34</v>
      </c>
      <c r="B14" s="109" t="s">
        <v>13</v>
      </c>
      <c r="C14" s="110" t="s">
        <v>14</v>
      </c>
      <c r="D14" s="110" t="s">
        <v>3024</v>
      </c>
      <c r="E14" s="109" t="s">
        <v>2805</v>
      </c>
    </row>
    <row r="15" spans="1:5" s="33" customFormat="1" ht="99.75" x14ac:dyDescent="0.25">
      <c r="A15" s="109" t="s">
        <v>35</v>
      </c>
      <c r="B15" s="109" t="s">
        <v>15</v>
      </c>
      <c r="C15" s="110" t="s">
        <v>16</v>
      </c>
      <c r="D15" s="110" t="s">
        <v>3024</v>
      </c>
      <c r="E15" s="109" t="s">
        <v>2805</v>
      </c>
    </row>
    <row r="16" spans="1:5" s="33" customFormat="1" ht="99.75" x14ac:dyDescent="0.25">
      <c r="A16" s="109" t="s">
        <v>36</v>
      </c>
      <c r="B16" s="109" t="s">
        <v>17</v>
      </c>
      <c r="C16" s="110" t="s">
        <v>3017</v>
      </c>
      <c r="D16" s="110" t="s">
        <v>3024</v>
      </c>
      <c r="E16" s="109" t="s">
        <v>2806</v>
      </c>
    </row>
    <row r="17" spans="1:5" s="34" customFormat="1" ht="99.75" x14ac:dyDescent="0.25">
      <c r="A17" s="109" t="s">
        <v>37</v>
      </c>
      <c r="B17" s="109" t="s">
        <v>18</v>
      </c>
      <c r="C17" s="110" t="s">
        <v>131</v>
      </c>
      <c r="D17" s="110" t="s">
        <v>3024</v>
      </c>
      <c r="E17" s="109" t="s">
        <v>2807</v>
      </c>
    </row>
    <row r="18" spans="1:5" s="34" customFormat="1" ht="99.75" x14ac:dyDescent="0.25">
      <c r="A18" s="109" t="s">
        <v>38</v>
      </c>
      <c r="B18" s="109" t="s">
        <v>39</v>
      </c>
      <c r="C18" s="110" t="s">
        <v>3018</v>
      </c>
      <c r="D18" s="110" t="s">
        <v>3024</v>
      </c>
      <c r="E18" s="109" t="s">
        <v>2804</v>
      </c>
    </row>
    <row r="19" spans="1:5" s="34" customFormat="1" ht="99.75" x14ac:dyDescent="0.25">
      <c r="A19" s="109" t="s">
        <v>40</v>
      </c>
      <c r="B19" s="109" t="s">
        <v>41</v>
      </c>
      <c r="C19" s="110" t="s">
        <v>3019</v>
      </c>
      <c r="D19" s="110" t="s">
        <v>3024</v>
      </c>
      <c r="E19" s="109" t="s">
        <v>26</v>
      </c>
    </row>
    <row r="20" spans="1:5" s="34" customFormat="1" ht="99.75" x14ac:dyDescent="0.25">
      <c r="A20" s="109" t="s">
        <v>42</v>
      </c>
      <c r="B20" s="109" t="s">
        <v>2813</v>
      </c>
      <c r="C20" s="110" t="s">
        <v>3020</v>
      </c>
      <c r="D20" s="110" t="s">
        <v>3024</v>
      </c>
      <c r="E20" s="109" t="s">
        <v>26</v>
      </c>
    </row>
    <row r="21" spans="1:5" s="34" customFormat="1" ht="99.75" x14ac:dyDescent="0.25">
      <c r="A21" s="109" t="s">
        <v>43</v>
      </c>
      <c r="B21" s="109" t="s">
        <v>44</v>
      </c>
      <c r="C21" s="110" t="s">
        <v>45</v>
      </c>
      <c r="D21" s="110" t="s">
        <v>3024</v>
      </c>
      <c r="E21" s="109" t="s">
        <v>2805</v>
      </c>
    </row>
    <row r="22" spans="1:5" s="34" customFormat="1" ht="99.75" x14ac:dyDescent="0.25">
      <c r="A22" s="109" t="s">
        <v>46</v>
      </c>
      <c r="B22" s="109" t="s">
        <v>47</v>
      </c>
      <c r="C22" s="110" t="s">
        <v>3021</v>
      </c>
      <c r="D22" s="110" t="s">
        <v>3024</v>
      </c>
      <c r="E22" s="109" t="s">
        <v>2804</v>
      </c>
    </row>
    <row r="23" spans="1:5" s="34" customFormat="1" ht="99.75" x14ac:dyDescent="0.25">
      <c r="A23" s="109" t="s">
        <v>48</v>
      </c>
      <c r="B23" s="109" t="s">
        <v>49</v>
      </c>
      <c r="C23" s="110" t="s">
        <v>3022</v>
      </c>
      <c r="D23" s="110" t="s">
        <v>3024</v>
      </c>
      <c r="E23" s="109" t="s">
        <v>26</v>
      </c>
    </row>
    <row r="24" spans="1:5" s="34" customFormat="1" ht="99.75" x14ac:dyDescent="0.25">
      <c r="A24" s="109" t="s">
        <v>50</v>
      </c>
      <c r="B24" s="109" t="s">
        <v>2814</v>
      </c>
      <c r="C24" s="110" t="s">
        <v>3023</v>
      </c>
      <c r="D24" s="110" t="s">
        <v>3024</v>
      </c>
      <c r="E24" s="109" t="s">
        <v>2808</v>
      </c>
    </row>
    <row r="25" spans="1:5" s="34" customFormat="1" ht="99.75" x14ac:dyDescent="0.25">
      <c r="A25" s="109" t="s">
        <v>51</v>
      </c>
      <c r="B25" s="109" t="s">
        <v>52</v>
      </c>
      <c r="C25" s="110" t="s">
        <v>14</v>
      </c>
      <c r="D25" s="110" t="s">
        <v>3024</v>
      </c>
      <c r="E25" s="109" t="s">
        <v>2805</v>
      </c>
    </row>
    <row r="26" spans="1:5" s="34" customFormat="1" ht="99.75" x14ac:dyDescent="0.25">
      <c r="A26" s="109" t="s">
        <v>53</v>
      </c>
      <c r="B26" s="109" t="s">
        <v>54</v>
      </c>
      <c r="C26" s="110" t="s">
        <v>14</v>
      </c>
      <c r="D26" s="110" t="s">
        <v>3024</v>
      </c>
      <c r="E26" s="109" t="s">
        <v>2809</v>
      </c>
    </row>
    <row r="27" spans="1:5" s="34" customFormat="1" ht="99.75" x14ac:dyDescent="0.25">
      <c r="A27" s="109" t="s">
        <v>55</v>
      </c>
      <c r="B27" s="109" t="s">
        <v>56</v>
      </c>
      <c r="C27" s="110" t="s">
        <v>14</v>
      </c>
      <c r="D27" s="110" t="s">
        <v>3024</v>
      </c>
      <c r="E27" s="109" t="s">
        <v>2810</v>
      </c>
    </row>
    <row r="28" spans="1:5" s="34" customFormat="1" ht="99.75" x14ac:dyDescent="0.25">
      <c r="A28" s="109" t="s">
        <v>58</v>
      </c>
      <c r="B28" s="109" t="s">
        <v>2893</v>
      </c>
      <c r="C28" s="110" t="s">
        <v>14</v>
      </c>
      <c r="D28" s="110" t="s">
        <v>3024</v>
      </c>
      <c r="E28" s="109" t="s">
        <v>2706</v>
      </c>
    </row>
    <row r="29" spans="1:5" s="34" customFormat="1" ht="99.75" x14ac:dyDescent="0.25">
      <c r="A29" s="109" t="s">
        <v>779</v>
      </c>
      <c r="B29" s="109" t="s">
        <v>2895</v>
      </c>
      <c r="C29" s="110" t="s">
        <v>2707</v>
      </c>
      <c r="D29" s="110" t="s">
        <v>3024</v>
      </c>
      <c r="E29" s="109" t="s">
        <v>2708</v>
      </c>
    </row>
    <row r="30" spans="1:5" s="34" customFormat="1" ht="114" x14ac:dyDescent="0.25">
      <c r="A30" s="114" t="s">
        <v>65</v>
      </c>
      <c r="B30" s="109" t="s">
        <v>66</v>
      </c>
      <c r="C30" s="122" t="s">
        <v>3008</v>
      </c>
      <c r="D30" s="110" t="s">
        <v>3009</v>
      </c>
      <c r="E30" s="109" t="s">
        <v>2815</v>
      </c>
    </row>
    <row r="31" spans="1:5" s="34" customFormat="1" ht="42.75" x14ac:dyDescent="0.25">
      <c r="A31" s="109" t="s">
        <v>776</v>
      </c>
      <c r="B31" s="109" t="s">
        <v>2894</v>
      </c>
      <c r="C31" s="110" t="s">
        <v>2918</v>
      </c>
      <c r="D31" s="114" t="s">
        <v>508</v>
      </c>
      <c r="E31" s="109" t="s">
        <v>2811</v>
      </c>
    </row>
    <row r="33" spans="1:5" s="37" customFormat="1" ht="85.5" x14ac:dyDescent="0.25">
      <c r="A33" s="188" t="s">
        <v>1951</v>
      </c>
      <c r="B33" s="189" t="s">
        <v>1952</v>
      </c>
      <c r="C33" s="190" t="s">
        <v>1953</v>
      </c>
      <c r="D33" s="70"/>
      <c r="E33" s="191" t="s">
        <v>3259</v>
      </c>
    </row>
    <row r="34" spans="1:5" s="37" customFormat="1" x14ac:dyDescent="0.25">
      <c r="A34" s="188"/>
      <c r="B34" s="189"/>
      <c r="C34" s="190"/>
      <c r="D34" s="70"/>
      <c r="E34" s="191"/>
    </row>
    <row r="35" spans="1:5" ht="46.15" customHeight="1" x14ac:dyDescent="0.25">
      <c r="A35" s="109" t="s">
        <v>3026</v>
      </c>
      <c r="B35" s="109" t="s">
        <v>3027</v>
      </c>
      <c r="C35" s="109" t="s">
        <v>3283</v>
      </c>
      <c r="D35" s="109" t="s">
        <v>2697</v>
      </c>
      <c r="E35" s="109" t="s">
        <v>2811</v>
      </c>
    </row>
    <row r="36" spans="1:5" ht="85.5" x14ac:dyDescent="0.25">
      <c r="A36" s="109" t="s">
        <v>3028</v>
      </c>
      <c r="B36" s="109" t="s">
        <v>3029</v>
      </c>
      <c r="C36" s="109" t="s">
        <v>3030</v>
      </c>
      <c r="D36" s="109" t="s">
        <v>2697</v>
      </c>
      <c r="E36" s="109" t="s">
        <v>2811</v>
      </c>
    </row>
    <row r="37" spans="1:5" ht="42.75" x14ac:dyDescent="0.25">
      <c r="A37" s="109" t="s">
        <v>3031</v>
      </c>
      <c r="B37" s="109" t="s">
        <v>3032</v>
      </c>
      <c r="C37" s="109" t="s">
        <v>3033</v>
      </c>
      <c r="D37" s="109" t="s">
        <v>2697</v>
      </c>
      <c r="E37" s="109" t="s">
        <v>2811</v>
      </c>
    </row>
    <row r="38" spans="1:5" ht="85.5" x14ac:dyDescent="0.25">
      <c r="A38" s="109" t="s">
        <v>3034</v>
      </c>
      <c r="B38" s="109" t="s">
        <v>3035</v>
      </c>
      <c r="C38" s="109" t="s">
        <v>3036</v>
      </c>
      <c r="D38" s="109" t="s">
        <v>2697</v>
      </c>
      <c r="E38" s="109" t="s">
        <v>2811</v>
      </c>
    </row>
  </sheetData>
  <pageMargins left="0.7" right="0.7" top="0.75" bottom="0.75" header="0.3" footer="0.3"/>
  <pageSetup scale="54" fitToHeight="0" orientation="landscape" r:id="rId1"/>
  <headerFooter>
    <oddHeader>&amp;R&amp;"Verdana,Bold"Construction Supplier</oddHeader>
    <oddFooter>&amp;C&amp;"Verdana,Bold"Page &amp;P of &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pageSetUpPr fitToPage="1"/>
  </sheetPr>
  <dimension ref="A1:XFC83"/>
  <sheetViews>
    <sheetView zoomScale="80" zoomScaleNormal="80" zoomScalePageLayoutView="50" workbookViewId="0">
      <pane ySplit="2" topLeftCell="A78" activePane="bottomLeft" state="frozen"/>
      <selection pane="bottomLeft" activeCell="D27" sqref="D27"/>
    </sheetView>
  </sheetViews>
  <sheetFormatPr defaultColWidth="9.140625" defaultRowHeight="15" x14ac:dyDescent="0.25"/>
  <cols>
    <col min="1" max="1" width="15.28515625" style="31" bestFit="1" customWidth="1"/>
    <col min="2" max="2" width="46.140625" style="31" bestFit="1" customWidth="1"/>
    <col min="3" max="3" width="43" style="12" customWidth="1"/>
    <col min="4" max="4" width="51" style="31" customWidth="1"/>
    <col min="5" max="5" width="74.5703125" style="31" customWidth="1"/>
    <col min="6" max="16384" width="9.140625" style="28"/>
  </cols>
  <sheetData>
    <row r="1" spans="1:16383" x14ac:dyDescent="0.25">
      <c r="A1" s="216" t="s">
        <v>3634</v>
      </c>
      <c r="B1" s="216" t="s">
        <v>3633</v>
      </c>
      <c r="C1" s="216" t="s">
        <v>3633</v>
      </c>
      <c r="D1" s="216" t="s">
        <v>3633</v>
      </c>
      <c r="E1" s="216" t="s">
        <v>3633</v>
      </c>
      <c r="F1" s="216" t="s">
        <v>3633</v>
      </c>
      <c r="G1" s="216" t="s">
        <v>3633</v>
      </c>
      <c r="H1" s="216" t="s">
        <v>3633</v>
      </c>
      <c r="I1" s="216" t="s">
        <v>3633</v>
      </c>
      <c r="J1" s="216" t="s">
        <v>3633</v>
      </c>
      <c r="K1" s="216" t="s">
        <v>3633</v>
      </c>
      <c r="L1" s="216" t="s">
        <v>3633</v>
      </c>
      <c r="M1" s="216" t="s">
        <v>3633</v>
      </c>
      <c r="N1" s="216" t="s">
        <v>3633</v>
      </c>
      <c r="O1" s="216" t="s">
        <v>3633</v>
      </c>
      <c r="P1" s="216" t="s">
        <v>3633</v>
      </c>
      <c r="Q1" s="216" t="s">
        <v>3633</v>
      </c>
      <c r="R1" s="216" t="s">
        <v>3633</v>
      </c>
      <c r="S1" s="216" t="s">
        <v>3633</v>
      </c>
      <c r="T1" s="216" t="s">
        <v>3633</v>
      </c>
      <c r="U1" s="216" t="s">
        <v>3633</v>
      </c>
      <c r="V1" s="216" t="s">
        <v>3633</v>
      </c>
      <c r="W1" s="216" t="s">
        <v>3633</v>
      </c>
      <c r="X1" s="216" t="s">
        <v>3633</v>
      </c>
      <c r="Y1" s="216" t="s">
        <v>3633</v>
      </c>
      <c r="Z1" s="216" t="s">
        <v>3633</v>
      </c>
      <c r="AA1" s="216" t="s">
        <v>3633</v>
      </c>
      <c r="AB1" s="216" t="s">
        <v>3633</v>
      </c>
      <c r="AC1" s="216" t="s">
        <v>3633</v>
      </c>
      <c r="AD1" s="216" t="s">
        <v>3633</v>
      </c>
      <c r="AE1" s="216" t="s">
        <v>3633</v>
      </c>
      <c r="AF1" s="216" t="s">
        <v>3633</v>
      </c>
      <c r="AG1" s="216" t="s">
        <v>3633</v>
      </c>
      <c r="AH1" s="216" t="s">
        <v>3633</v>
      </c>
      <c r="AI1" s="216" t="s">
        <v>3633</v>
      </c>
      <c r="AJ1" s="216" t="s">
        <v>3633</v>
      </c>
      <c r="AK1" s="216" t="s">
        <v>3633</v>
      </c>
      <c r="AL1" s="216" t="s">
        <v>3633</v>
      </c>
      <c r="AM1" s="216" t="s">
        <v>3633</v>
      </c>
      <c r="AN1" s="216" t="s">
        <v>3633</v>
      </c>
      <c r="AO1" s="216" t="s">
        <v>3633</v>
      </c>
      <c r="AP1" s="216" t="s">
        <v>3633</v>
      </c>
      <c r="AQ1" s="216" t="s">
        <v>3633</v>
      </c>
      <c r="AR1" s="216" t="s">
        <v>3633</v>
      </c>
      <c r="AS1" s="216" t="s">
        <v>3633</v>
      </c>
      <c r="AT1" s="216" t="s">
        <v>3633</v>
      </c>
      <c r="AU1" s="216" t="s">
        <v>3633</v>
      </c>
      <c r="AV1" s="216" t="s">
        <v>3633</v>
      </c>
      <c r="AW1" s="216" t="s">
        <v>3633</v>
      </c>
      <c r="AX1" s="216" t="s">
        <v>3633</v>
      </c>
      <c r="AY1" s="216" t="s">
        <v>3633</v>
      </c>
      <c r="AZ1" s="216" t="s">
        <v>3633</v>
      </c>
      <c r="BA1" s="216" t="s">
        <v>3633</v>
      </c>
      <c r="BB1" s="216" t="s">
        <v>3633</v>
      </c>
      <c r="BC1" s="216" t="s">
        <v>3633</v>
      </c>
      <c r="BD1" s="216" t="s">
        <v>3633</v>
      </c>
      <c r="BE1" s="216" t="s">
        <v>3633</v>
      </c>
      <c r="BF1" s="216" t="s">
        <v>3633</v>
      </c>
      <c r="BG1" s="216" t="s">
        <v>3633</v>
      </c>
      <c r="BH1" s="216" t="s">
        <v>3633</v>
      </c>
      <c r="BI1" s="216" t="s">
        <v>3633</v>
      </c>
      <c r="BJ1" s="216" t="s">
        <v>3633</v>
      </c>
      <c r="BK1" s="216" t="s">
        <v>3633</v>
      </c>
      <c r="BL1" s="216" t="s">
        <v>3633</v>
      </c>
      <c r="BM1" s="216" t="s">
        <v>3633</v>
      </c>
      <c r="BN1" s="216" t="s">
        <v>3633</v>
      </c>
      <c r="BO1" s="216" t="s">
        <v>3633</v>
      </c>
      <c r="BP1" s="216" t="s">
        <v>3633</v>
      </c>
      <c r="BQ1" s="216" t="s">
        <v>3633</v>
      </c>
      <c r="BR1" s="216" t="s">
        <v>3633</v>
      </c>
      <c r="BS1" s="216" t="s">
        <v>3633</v>
      </c>
      <c r="BT1" s="216" t="s">
        <v>3633</v>
      </c>
      <c r="BU1" s="216" t="s">
        <v>3633</v>
      </c>
      <c r="BV1" s="216" t="s">
        <v>3633</v>
      </c>
      <c r="BW1" s="216" t="s">
        <v>3633</v>
      </c>
      <c r="BX1" s="216" t="s">
        <v>3633</v>
      </c>
      <c r="BY1" s="216" t="s">
        <v>3633</v>
      </c>
      <c r="BZ1" s="216" t="s">
        <v>3633</v>
      </c>
      <c r="CA1" s="216" t="s">
        <v>3633</v>
      </c>
      <c r="CB1" s="216" t="s">
        <v>3633</v>
      </c>
      <c r="CC1" s="216" t="s">
        <v>3633</v>
      </c>
      <c r="CD1" s="216" t="s">
        <v>3633</v>
      </c>
      <c r="CE1" s="216" t="s">
        <v>3633</v>
      </c>
      <c r="CF1" s="216" t="s">
        <v>3633</v>
      </c>
      <c r="CG1" s="216" t="s">
        <v>3633</v>
      </c>
      <c r="CH1" s="216" t="s">
        <v>3633</v>
      </c>
      <c r="CI1" s="216" t="s">
        <v>3633</v>
      </c>
      <c r="CJ1" s="216" t="s">
        <v>3633</v>
      </c>
      <c r="CK1" s="216" t="s">
        <v>3633</v>
      </c>
      <c r="CL1" s="216" t="s">
        <v>3633</v>
      </c>
      <c r="CM1" s="216" t="s">
        <v>3633</v>
      </c>
      <c r="CN1" s="216" t="s">
        <v>3633</v>
      </c>
      <c r="CO1" s="216" t="s">
        <v>3633</v>
      </c>
      <c r="CP1" s="216" t="s">
        <v>3633</v>
      </c>
      <c r="CQ1" s="216" t="s">
        <v>3633</v>
      </c>
      <c r="CR1" s="216" t="s">
        <v>3633</v>
      </c>
      <c r="CS1" s="216" t="s">
        <v>3633</v>
      </c>
      <c r="CT1" s="216" t="s">
        <v>3633</v>
      </c>
      <c r="CU1" s="216" t="s">
        <v>3633</v>
      </c>
      <c r="CV1" s="216" t="s">
        <v>3633</v>
      </c>
      <c r="CW1" s="216" t="s">
        <v>3633</v>
      </c>
      <c r="CX1" s="216" t="s">
        <v>3633</v>
      </c>
      <c r="CY1" s="216" t="s">
        <v>3633</v>
      </c>
      <c r="CZ1" s="216" t="s">
        <v>3633</v>
      </c>
      <c r="DA1" s="216" t="s">
        <v>3633</v>
      </c>
      <c r="DB1" s="216" t="s">
        <v>3633</v>
      </c>
      <c r="DC1" s="216" t="s">
        <v>3633</v>
      </c>
      <c r="DD1" s="216" t="s">
        <v>3633</v>
      </c>
      <c r="DE1" s="216" t="s">
        <v>3633</v>
      </c>
      <c r="DF1" s="216" t="s">
        <v>3633</v>
      </c>
      <c r="DG1" s="216" t="s">
        <v>3633</v>
      </c>
      <c r="DH1" s="216" t="s">
        <v>3633</v>
      </c>
      <c r="DI1" s="216" t="s">
        <v>3633</v>
      </c>
      <c r="DJ1" s="216" t="s">
        <v>3633</v>
      </c>
      <c r="DK1" s="216" t="s">
        <v>3633</v>
      </c>
      <c r="DL1" s="216" t="s">
        <v>3633</v>
      </c>
      <c r="DM1" s="216" t="s">
        <v>3633</v>
      </c>
      <c r="DN1" s="216" t="s">
        <v>3633</v>
      </c>
      <c r="DO1" s="216" t="s">
        <v>3633</v>
      </c>
      <c r="DP1" s="216" t="s">
        <v>3633</v>
      </c>
      <c r="DQ1" s="216" t="s">
        <v>3633</v>
      </c>
      <c r="DR1" s="216" t="s">
        <v>3633</v>
      </c>
      <c r="DS1" s="216" t="s">
        <v>3633</v>
      </c>
      <c r="DT1" s="216" t="s">
        <v>3633</v>
      </c>
      <c r="DU1" s="216" t="s">
        <v>3633</v>
      </c>
      <c r="DV1" s="216" t="s">
        <v>3633</v>
      </c>
      <c r="DW1" s="216" t="s">
        <v>3633</v>
      </c>
      <c r="DX1" s="216" t="s">
        <v>3633</v>
      </c>
      <c r="DY1" s="216" t="s">
        <v>3633</v>
      </c>
      <c r="DZ1" s="216" t="s">
        <v>3633</v>
      </c>
      <c r="EA1" s="216" t="s">
        <v>3633</v>
      </c>
      <c r="EB1" s="216" t="s">
        <v>3633</v>
      </c>
      <c r="EC1" s="216" t="s">
        <v>3633</v>
      </c>
      <c r="ED1" s="216" t="s">
        <v>3633</v>
      </c>
      <c r="EE1" s="216" t="s">
        <v>3633</v>
      </c>
      <c r="EF1" s="216" t="s">
        <v>3633</v>
      </c>
      <c r="EG1" s="216" t="s">
        <v>3633</v>
      </c>
      <c r="EH1" s="216" t="s">
        <v>3633</v>
      </c>
      <c r="EI1" s="216" t="s">
        <v>3633</v>
      </c>
      <c r="EJ1" s="216" t="s">
        <v>3633</v>
      </c>
      <c r="EK1" s="216" t="s">
        <v>3633</v>
      </c>
      <c r="EL1" s="216" t="s">
        <v>3633</v>
      </c>
      <c r="EM1" s="216" t="s">
        <v>3633</v>
      </c>
      <c r="EN1" s="216" t="s">
        <v>3633</v>
      </c>
      <c r="EO1" s="216" t="s">
        <v>3633</v>
      </c>
      <c r="EP1" s="216" t="s">
        <v>3633</v>
      </c>
      <c r="EQ1" s="216" t="s">
        <v>3633</v>
      </c>
      <c r="ER1" s="216" t="s">
        <v>3633</v>
      </c>
      <c r="ES1" s="216" t="s">
        <v>3633</v>
      </c>
      <c r="ET1" s="216" t="s">
        <v>3633</v>
      </c>
      <c r="EU1" s="216" t="s">
        <v>3633</v>
      </c>
      <c r="EV1" s="216" t="s">
        <v>3633</v>
      </c>
      <c r="EW1" s="216" t="s">
        <v>3633</v>
      </c>
      <c r="EX1" s="216" t="s">
        <v>3633</v>
      </c>
      <c r="EY1" s="216" t="s">
        <v>3633</v>
      </c>
      <c r="EZ1" s="216" t="s">
        <v>3633</v>
      </c>
      <c r="FA1" s="216" t="s">
        <v>3633</v>
      </c>
      <c r="FB1" s="216" t="s">
        <v>3633</v>
      </c>
      <c r="FC1" s="216" t="s">
        <v>3633</v>
      </c>
      <c r="FD1" s="216" t="s">
        <v>3633</v>
      </c>
      <c r="FE1" s="216" t="s">
        <v>3633</v>
      </c>
      <c r="FF1" s="216" t="s">
        <v>3633</v>
      </c>
      <c r="FG1" s="216" t="s">
        <v>3633</v>
      </c>
      <c r="FH1" s="216" t="s">
        <v>3633</v>
      </c>
      <c r="FI1" s="216" t="s">
        <v>3633</v>
      </c>
      <c r="FJ1" s="216" t="s">
        <v>3633</v>
      </c>
      <c r="FK1" s="216" t="s">
        <v>3633</v>
      </c>
      <c r="FL1" s="216" t="s">
        <v>3633</v>
      </c>
      <c r="FM1" s="216" t="s">
        <v>3633</v>
      </c>
      <c r="FN1" s="216" t="s">
        <v>3633</v>
      </c>
      <c r="FO1" s="216" t="s">
        <v>3633</v>
      </c>
      <c r="FP1" s="216" t="s">
        <v>3633</v>
      </c>
      <c r="FQ1" s="216" t="s">
        <v>3633</v>
      </c>
      <c r="FR1" s="216" t="s">
        <v>3633</v>
      </c>
      <c r="FS1" s="216" t="s">
        <v>3633</v>
      </c>
      <c r="FT1" s="216" t="s">
        <v>3633</v>
      </c>
      <c r="FU1" s="216" t="s">
        <v>3633</v>
      </c>
      <c r="FV1" s="216" t="s">
        <v>3633</v>
      </c>
      <c r="FW1" s="216" t="s">
        <v>3633</v>
      </c>
      <c r="FX1" s="216" t="s">
        <v>3633</v>
      </c>
      <c r="FY1" s="216" t="s">
        <v>3633</v>
      </c>
      <c r="FZ1" s="216" t="s">
        <v>3633</v>
      </c>
      <c r="GA1" s="216" t="s">
        <v>3633</v>
      </c>
      <c r="GB1" s="216" t="s">
        <v>3633</v>
      </c>
      <c r="GC1" s="216" t="s">
        <v>3633</v>
      </c>
      <c r="GD1" s="216" t="s">
        <v>3633</v>
      </c>
      <c r="GE1" s="216" t="s">
        <v>3633</v>
      </c>
      <c r="GF1" s="216" t="s">
        <v>3633</v>
      </c>
      <c r="GG1" s="216" t="s">
        <v>3633</v>
      </c>
      <c r="GH1" s="216" t="s">
        <v>3633</v>
      </c>
      <c r="GI1" s="216" t="s">
        <v>3633</v>
      </c>
      <c r="GJ1" s="216" t="s">
        <v>3633</v>
      </c>
      <c r="GK1" s="216" t="s">
        <v>3633</v>
      </c>
      <c r="GL1" s="216" t="s">
        <v>3633</v>
      </c>
      <c r="GM1" s="216" t="s">
        <v>3633</v>
      </c>
      <c r="GN1" s="216" t="s">
        <v>3633</v>
      </c>
      <c r="GO1" s="216" t="s">
        <v>3633</v>
      </c>
      <c r="GP1" s="216" t="s">
        <v>3633</v>
      </c>
      <c r="GQ1" s="216" t="s">
        <v>3633</v>
      </c>
      <c r="GR1" s="216" t="s">
        <v>3633</v>
      </c>
      <c r="GS1" s="216" t="s">
        <v>3633</v>
      </c>
      <c r="GT1" s="216" t="s">
        <v>3633</v>
      </c>
      <c r="GU1" s="216" t="s">
        <v>3633</v>
      </c>
      <c r="GV1" s="216" t="s">
        <v>3633</v>
      </c>
      <c r="GW1" s="216" t="s">
        <v>3633</v>
      </c>
      <c r="GX1" s="216" t="s">
        <v>3633</v>
      </c>
      <c r="GY1" s="216" t="s">
        <v>3633</v>
      </c>
      <c r="GZ1" s="216" t="s">
        <v>3633</v>
      </c>
      <c r="HA1" s="216" t="s">
        <v>3633</v>
      </c>
      <c r="HB1" s="216" t="s">
        <v>3633</v>
      </c>
      <c r="HC1" s="216" t="s">
        <v>3633</v>
      </c>
      <c r="HD1" s="216" t="s">
        <v>3633</v>
      </c>
      <c r="HE1" s="216" t="s">
        <v>3633</v>
      </c>
      <c r="HF1" s="216" t="s">
        <v>3633</v>
      </c>
      <c r="HG1" s="216" t="s">
        <v>3633</v>
      </c>
      <c r="HH1" s="216" t="s">
        <v>3633</v>
      </c>
      <c r="HI1" s="216" t="s">
        <v>3633</v>
      </c>
      <c r="HJ1" s="216" t="s">
        <v>3633</v>
      </c>
      <c r="HK1" s="216" t="s">
        <v>3633</v>
      </c>
      <c r="HL1" s="216" t="s">
        <v>3633</v>
      </c>
      <c r="HM1" s="216" t="s">
        <v>3633</v>
      </c>
      <c r="HN1" s="216" t="s">
        <v>3633</v>
      </c>
      <c r="HO1" s="216" t="s">
        <v>3633</v>
      </c>
      <c r="HP1" s="216" t="s">
        <v>3633</v>
      </c>
      <c r="HQ1" s="216" t="s">
        <v>3633</v>
      </c>
      <c r="HR1" s="216" t="s">
        <v>3633</v>
      </c>
      <c r="HS1" s="216" t="s">
        <v>3633</v>
      </c>
      <c r="HT1" s="216" t="s">
        <v>3633</v>
      </c>
      <c r="HU1" s="216" t="s">
        <v>3633</v>
      </c>
      <c r="HV1" s="216" t="s">
        <v>3633</v>
      </c>
      <c r="HW1" s="216" t="s">
        <v>3633</v>
      </c>
      <c r="HX1" s="216" t="s">
        <v>3633</v>
      </c>
      <c r="HY1" s="216" t="s">
        <v>3633</v>
      </c>
      <c r="HZ1" s="216" t="s">
        <v>3633</v>
      </c>
      <c r="IA1" s="216" t="s">
        <v>3633</v>
      </c>
      <c r="IB1" s="216" t="s">
        <v>3633</v>
      </c>
      <c r="IC1" s="216" t="s">
        <v>3633</v>
      </c>
      <c r="ID1" s="216" t="s">
        <v>3633</v>
      </c>
      <c r="IE1" s="216" t="s">
        <v>3633</v>
      </c>
      <c r="IF1" s="216" t="s">
        <v>3633</v>
      </c>
      <c r="IG1" s="216" t="s">
        <v>3633</v>
      </c>
      <c r="IH1" s="216" t="s">
        <v>3633</v>
      </c>
      <c r="II1" s="216" t="s">
        <v>3633</v>
      </c>
      <c r="IJ1" s="216" t="s">
        <v>3633</v>
      </c>
      <c r="IK1" s="216" t="s">
        <v>3633</v>
      </c>
      <c r="IL1" s="216" t="s">
        <v>3633</v>
      </c>
      <c r="IM1" s="216" t="s">
        <v>3633</v>
      </c>
      <c r="IN1" s="216" t="s">
        <v>3633</v>
      </c>
      <c r="IO1" s="216" t="s">
        <v>3633</v>
      </c>
      <c r="IP1" s="216" t="s">
        <v>3633</v>
      </c>
      <c r="IQ1" s="216" t="s">
        <v>3633</v>
      </c>
      <c r="IR1" s="216" t="s">
        <v>3633</v>
      </c>
      <c r="IS1" s="216" t="s">
        <v>3633</v>
      </c>
      <c r="IT1" s="216" t="s">
        <v>3633</v>
      </c>
      <c r="IU1" s="216" t="s">
        <v>3633</v>
      </c>
      <c r="IV1" s="216" t="s">
        <v>3633</v>
      </c>
      <c r="IW1" s="216" t="s">
        <v>3633</v>
      </c>
      <c r="IX1" s="216" t="s">
        <v>3633</v>
      </c>
      <c r="IY1" s="216" t="s">
        <v>3633</v>
      </c>
      <c r="IZ1" s="216" t="s">
        <v>3633</v>
      </c>
      <c r="JA1" s="216" t="s">
        <v>3633</v>
      </c>
      <c r="JB1" s="216" t="s">
        <v>3633</v>
      </c>
      <c r="JC1" s="216" t="s">
        <v>3633</v>
      </c>
      <c r="JD1" s="216" t="s">
        <v>3633</v>
      </c>
      <c r="JE1" s="216" t="s">
        <v>3633</v>
      </c>
      <c r="JF1" s="216" t="s">
        <v>3633</v>
      </c>
      <c r="JG1" s="216" t="s">
        <v>3633</v>
      </c>
      <c r="JH1" s="216" t="s">
        <v>3633</v>
      </c>
      <c r="JI1" s="216" t="s">
        <v>3633</v>
      </c>
      <c r="JJ1" s="216" t="s">
        <v>3633</v>
      </c>
      <c r="JK1" s="216" t="s">
        <v>3633</v>
      </c>
      <c r="JL1" s="216" t="s">
        <v>3633</v>
      </c>
      <c r="JM1" s="216" t="s">
        <v>3633</v>
      </c>
      <c r="JN1" s="216" t="s">
        <v>3633</v>
      </c>
      <c r="JO1" s="216" t="s">
        <v>3633</v>
      </c>
      <c r="JP1" s="216" t="s">
        <v>3633</v>
      </c>
      <c r="JQ1" s="216" t="s">
        <v>3633</v>
      </c>
      <c r="JR1" s="216" t="s">
        <v>3633</v>
      </c>
      <c r="JS1" s="216" t="s">
        <v>3633</v>
      </c>
      <c r="JT1" s="216" t="s">
        <v>3633</v>
      </c>
      <c r="JU1" s="216" t="s">
        <v>3633</v>
      </c>
      <c r="JV1" s="216" t="s">
        <v>3633</v>
      </c>
      <c r="JW1" s="216" t="s">
        <v>3633</v>
      </c>
      <c r="JX1" s="216" t="s">
        <v>3633</v>
      </c>
      <c r="JY1" s="216" t="s">
        <v>3633</v>
      </c>
      <c r="JZ1" s="216" t="s">
        <v>3633</v>
      </c>
      <c r="KA1" s="216" t="s">
        <v>3633</v>
      </c>
      <c r="KB1" s="216" t="s">
        <v>3633</v>
      </c>
      <c r="KC1" s="216" t="s">
        <v>3633</v>
      </c>
      <c r="KD1" s="216" t="s">
        <v>3633</v>
      </c>
      <c r="KE1" s="216" t="s">
        <v>3633</v>
      </c>
      <c r="KF1" s="216" t="s">
        <v>3633</v>
      </c>
      <c r="KG1" s="216" t="s">
        <v>3633</v>
      </c>
      <c r="KH1" s="216" t="s">
        <v>3633</v>
      </c>
      <c r="KI1" s="216" t="s">
        <v>3633</v>
      </c>
      <c r="KJ1" s="216" t="s">
        <v>3633</v>
      </c>
      <c r="KK1" s="216" t="s">
        <v>3633</v>
      </c>
      <c r="KL1" s="216" t="s">
        <v>3633</v>
      </c>
      <c r="KM1" s="216" t="s">
        <v>3633</v>
      </c>
      <c r="KN1" s="216" t="s">
        <v>3633</v>
      </c>
      <c r="KO1" s="216" t="s">
        <v>3633</v>
      </c>
      <c r="KP1" s="216" t="s">
        <v>3633</v>
      </c>
      <c r="KQ1" s="216" t="s">
        <v>3633</v>
      </c>
      <c r="KR1" s="216" t="s">
        <v>3633</v>
      </c>
      <c r="KS1" s="216" t="s">
        <v>3633</v>
      </c>
      <c r="KT1" s="216" t="s">
        <v>3633</v>
      </c>
      <c r="KU1" s="216" t="s">
        <v>3633</v>
      </c>
      <c r="KV1" s="216" t="s">
        <v>3633</v>
      </c>
      <c r="KW1" s="216" t="s">
        <v>3633</v>
      </c>
      <c r="KX1" s="216" t="s">
        <v>3633</v>
      </c>
      <c r="KY1" s="216" t="s">
        <v>3633</v>
      </c>
      <c r="KZ1" s="216" t="s">
        <v>3633</v>
      </c>
      <c r="LA1" s="216" t="s">
        <v>3633</v>
      </c>
      <c r="LB1" s="216" t="s">
        <v>3633</v>
      </c>
      <c r="LC1" s="216" t="s">
        <v>3633</v>
      </c>
      <c r="LD1" s="216" t="s">
        <v>3633</v>
      </c>
      <c r="LE1" s="216" t="s">
        <v>3633</v>
      </c>
      <c r="LF1" s="216" t="s">
        <v>3633</v>
      </c>
      <c r="LG1" s="216" t="s">
        <v>3633</v>
      </c>
      <c r="LH1" s="216" t="s">
        <v>3633</v>
      </c>
      <c r="LI1" s="216" t="s">
        <v>3633</v>
      </c>
      <c r="LJ1" s="216" t="s">
        <v>3633</v>
      </c>
      <c r="LK1" s="216" t="s">
        <v>3633</v>
      </c>
      <c r="LL1" s="216" t="s">
        <v>3633</v>
      </c>
      <c r="LM1" s="216" t="s">
        <v>3633</v>
      </c>
      <c r="LN1" s="216" t="s">
        <v>3633</v>
      </c>
      <c r="LO1" s="216" t="s">
        <v>3633</v>
      </c>
      <c r="LP1" s="216" t="s">
        <v>3633</v>
      </c>
      <c r="LQ1" s="216" t="s">
        <v>3633</v>
      </c>
      <c r="LR1" s="216" t="s">
        <v>3633</v>
      </c>
      <c r="LS1" s="216" t="s">
        <v>3633</v>
      </c>
      <c r="LT1" s="216" t="s">
        <v>3633</v>
      </c>
      <c r="LU1" s="216" t="s">
        <v>3633</v>
      </c>
      <c r="LV1" s="216" t="s">
        <v>3633</v>
      </c>
      <c r="LW1" s="216" t="s">
        <v>3633</v>
      </c>
      <c r="LX1" s="216" t="s">
        <v>3633</v>
      </c>
      <c r="LY1" s="216" t="s">
        <v>3633</v>
      </c>
      <c r="LZ1" s="216" t="s">
        <v>3633</v>
      </c>
      <c r="MA1" s="216" t="s">
        <v>3633</v>
      </c>
      <c r="MB1" s="216" t="s">
        <v>3633</v>
      </c>
      <c r="MC1" s="216" t="s">
        <v>3633</v>
      </c>
      <c r="MD1" s="216" t="s">
        <v>3633</v>
      </c>
      <c r="ME1" s="216" t="s">
        <v>3633</v>
      </c>
      <c r="MF1" s="216" t="s">
        <v>3633</v>
      </c>
      <c r="MG1" s="216" t="s">
        <v>3633</v>
      </c>
      <c r="MH1" s="216" t="s">
        <v>3633</v>
      </c>
      <c r="MI1" s="216" t="s">
        <v>3633</v>
      </c>
      <c r="MJ1" s="216" t="s">
        <v>3633</v>
      </c>
      <c r="MK1" s="216" t="s">
        <v>3633</v>
      </c>
      <c r="ML1" s="216" t="s">
        <v>3633</v>
      </c>
      <c r="MM1" s="216" t="s">
        <v>3633</v>
      </c>
      <c r="MN1" s="216" t="s">
        <v>3633</v>
      </c>
      <c r="MO1" s="216" t="s">
        <v>3633</v>
      </c>
      <c r="MP1" s="216" t="s">
        <v>3633</v>
      </c>
      <c r="MQ1" s="216" t="s">
        <v>3633</v>
      </c>
      <c r="MR1" s="216" t="s">
        <v>3633</v>
      </c>
      <c r="MS1" s="216" t="s">
        <v>3633</v>
      </c>
      <c r="MT1" s="216" t="s">
        <v>3633</v>
      </c>
      <c r="MU1" s="216" t="s">
        <v>3633</v>
      </c>
      <c r="MV1" s="216" t="s">
        <v>3633</v>
      </c>
      <c r="MW1" s="216" t="s">
        <v>3633</v>
      </c>
      <c r="MX1" s="216" t="s">
        <v>3633</v>
      </c>
      <c r="MY1" s="216" t="s">
        <v>3633</v>
      </c>
      <c r="MZ1" s="216" t="s">
        <v>3633</v>
      </c>
      <c r="NA1" s="216" t="s">
        <v>3633</v>
      </c>
      <c r="NB1" s="216" t="s">
        <v>3633</v>
      </c>
      <c r="NC1" s="216" t="s">
        <v>3633</v>
      </c>
      <c r="ND1" s="216" t="s">
        <v>3633</v>
      </c>
      <c r="NE1" s="216" t="s">
        <v>3633</v>
      </c>
      <c r="NF1" s="216" t="s">
        <v>3633</v>
      </c>
      <c r="NG1" s="216" t="s">
        <v>3633</v>
      </c>
      <c r="NH1" s="216" t="s">
        <v>3633</v>
      </c>
      <c r="NI1" s="216" t="s">
        <v>3633</v>
      </c>
      <c r="NJ1" s="216" t="s">
        <v>3633</v>
      </c>
      <c r="NK1" s="216" t="s">
        <v>3633</v>
      </c>
      <c r="NL1" s="216" t="s">
        <v>3633</v>
      </c>
      <c r="NM1" s="216" t="s">
        <v>3633</v>
      </c>
      <c r="NN1" s="216" t="s">
        <v>3633</v>
      </c>
      <c r="NO1" s="216" t="s">
        <v>3633</v>
      </c>
      <c r="NP1" s="216" t="s">
        <v>3633</v>
      </c>
      <c r="NQ1" s="216" t="s">
        <v>3633</v>
      </c>
      <c r="NR1" s="216" t="s">
        <v>3633</v>
      </c>
      <c r="NS1" s="216" t="s">
        <v>3633</v>
      </c>
      <c r="NT1" s="216" t="s">
        <v>3633</v>
      </c>
      <c r="NU1" s="216" t="s">
        <v>3633</v>
      </c>
      <c r="NV1" s="216" t="s">
        <v>3633</v>
      </c>
      <c r="NW1" s="216" t="s">
        <v>3633</v>
      </c>
      <c r="NX1" s="216" t="s">
        <v>3633</v>
      </c>
      <c r="NY1" s="216" t="s">
        <v>3633</v>
      </c>
      <c r="NZ1" s="216" t="s">
        <v>3633</v>
      </c>
      <c r="OA1" s="216" t="s">
        <v>3633</v>
      </c>
      <c r="OB1" s="216" t="s">
        <v>3633</v>
      </c>
      <c r="OC1" s="216" t="s">
        <v>3633</v>
      </c>
      <c r="OD1" s="216" t="s">
        <v>3633</v>
      </c>
      <c r="OE1" s="216" t="s">
        <v>3633</v>
      </c>
      <c r="OF1" s="216" t="s">
        <v>3633</v>
      </c>
      <c r="OG1" s="216" t="s">
        <v>3633</v>
      </c>
      <c r="OH1" s="216" t="s">
        <v>3633</v>
      </c>
      <c r="OI1" s="216" t="s">
        <v>3633</v>
      </c>
      <c r="OJ1" s="216" t="s">
        <v>3633</v>
      </c>
      <c r="OK1" s="216" t="s">
        <v>3633</v>
      </c>
      <c r="OL1" s="216" t="s">
        <v>3633</v>
      </c>
      <c r="OM1" s="216" t="s">
        <v>3633</v>
      </c>
      <c r="ON1" s="216" t="s">
        <v>3633</v>
      </c>
      <c r="OO1" s="216" t="s">
        <v>3633</v>
      </c>
      <c r="OP1" s="216" t="s">
        <v>3633</v>
      </c>
      <c r="OQ1" s="216" t="s">
        <v>3633</v>
      </c>
      <c r="OR1" s="216" t="s">
        <v>3633</v>
      </c>
      <c r="OS1" s="216" t="s">
        <v>3633</v>
      </c>
      <c r="OT1" s="216" t="s">
        <v>3633</v>
      </c>
      <c r="OU1" s="216" t="s">
        <v>3633</v>
      </c>
      <c r="OV1" s="216" t="s">
        <v>3633</v>
      </c>
      <c r="OW1" s="216" t="s">
        <v>3633</v>
      </c>
      <c r="OX1" s="216" t="s">
        <v>3633</v>
      </c>
      <c r="OY1" s="216" t="s">
        <v>3633</v>
      </c>
      <c r="OZ1" s="216" t="s">
        <v>3633</v>
      </c>
      <c r="PA1" s="216" t="s">
        <v>3633</v>
      </c>
      <c r="PB1" s="216" t="s">
        <v>3633</v>
      </c>
      <c r="PC1" s="216" t="s">
        <v>3633</v>
      </c>
      <c r="PD1" s="216" t="s">
        <v>3633</v>
      </c>
      <c r="PE1" s="216" t="s">
        <v>3633</v>
      </c>
      <c r="PF1" s="216" t="s">
        <v>3633</v>
      </c>
      <c r="PG1" s="216" t="s">
        <v>3633</v>
      </c>
      <c r="PH1" s="216" t="s">
        <v>3633</v>
      </c>
      <c r="PI1" s="216" t="s">
        <v>3633</v>
      </c>
      <c r="PJ1" s="216" t="s">
        <v>3633</v>
      </c>
      <c r="PK1" s="216" t="s">
        <v>3633</v>
      </c>
      <c r="PL1" s="216" t="s">
        <v>3633</v>
      </c>
      <c r="PM1" s="216" t="s">
        <v>3633</v>
      </c>
      <c r="PN1" s="216" t="s">
        <v>3633</v>
      </c>
      <c r="PO1" s="216" t="s">
        <v>3633</v>
      </c>
      <c r="PP1" s="216" t="s">
        <v>3633</v>
      </c>
      <c r="PQ1" s="216" t="s">
        <v>3633</v>
      </c>
      <c r="PR1" s="216" t="s">
        <v>3633</v>
      </c>
      <c r="PS1" s="216" t="s">
        <v>3633</v>
      </c>
      <c r="PT1" s="216" t="s">
        <v>3633</v>
      </c>
      <c r="PU1" s="216" t="s">
        <v>3633</v>
      </c>
      <c r="PV1" s="216" t="s">
        <v>3633</v>
      </c>
      <c r="PW1" s="216" t="s">
        <v>3633</v>
      </c>
      <c r="PX1" s="216" t="s">
        <v>3633</v>
      </c>
      <c r="PY1" s="216" t="s">
        <v>3633</v>
      </c>
      <c r="PZ1" s="216" t="s">
        <v>3633</v>
      </c>
      <c r="QA1" s="216" t="s">
        <v>3633</v>
      </c>
      <c r="QB1" s="216" t="s">
        <v>3633</v>
      </c>
      <c r="QC1" s="216" t="s">
        <v>3633</v>
      </c>
      <c r="QD1" s="216" t="s">
        <v>3633</v>
      </c>
      <c r="QE1" s="216" t="s">
        <v>3633</v>
      </c>
      <c r="QF1" s="216" t="s">
        <v>3633</v>
      </c>
      <c r="QG1" s="216" t="s">
        <v>3633</v>
      </c>
      <c r="QH1" s="216" t="s">
        <v>3633</v>
      </c>
      <c r="QI1" s="216" t="s">
        <v>3633</v>
      </c>
      <c r="QJ1" s="216" t="s">
        <v>3633</v>
      </c>
      <c r="QK1" s="216" t="s">
        <v>3633</v>
      </c>
      <c r="QL1" s="216" t="s">
        <v>3633</v>
      </c>
      <c r="QM1" s="216" t="s">
        <v>3633</v>
      </c>
      <c r="QN1" s="216" t="s">
        <v>3633</v>
      </c>
      <c r="QO1" s="216" t="s">
        <v>3633</v>
      </c>
      <c r="QP1" s="216" t="s">
        <v>3633</v>
      </c>
      <c r="QQ1" s="216" t="s">
        <v>3633</v>
      </c>
      <c r="QR1" s="216" t="s">
        <v>3633</v>
      </c>
      <c r="QS1" s="216" t="s">
        <v>3633</v>
      </c>
      <c r="QT1" s="216" t="s">
        <v>3633</v>
      </c>
      <c r="QU1" s="216" t="s">
        <v>3633</v>
      </c>
      <c r="QV1" s="216" t="s">
        <v>3633</v>
      </c>
      <c r="QW1" s="216" t="s">
        <v>3633</v>
      </c>
      <c r="QX1" s="216" t="s">
        <v>3633</v>
      </c>
      <c r="QY1" s="216" t="s">
        <v>3633</v>
      </c>
      <c r="QZ1" s="216" t="s">
        <v>3633</v>
      </c>
      <c r="RA1" s="216" t="s">
        <v>3633</v>
      </c>
      <c r="RB1" s="216" t="s">
        <v>3633</v>
      </c>
      <c r="RC1" s="216" t="s">
        <v>3633</v>
      </c>
      <c r="RD1" s="216" t="s">
        <v>3633</v>
      </c>
      <c r="RE1" s="216" t="s">
        <v>3633</v>
      </c>
      <c r="RF1" s="216" t="s">
        <v>3633</v>
      </c>
      <c r="RG1" s="216" t="s">
        <v>3633</v>
      </c>
      <c r="RH1" s="216" t="s">
        <v>3633</v>
      </c>
      <c r="RI1" s="216" t="s">
        <v>3633</v>
      </c>
      <c r="RJ1" s="216" t="s">
        <v>3633</v>
      </c>
      <c r="RK1" s="216" t="s">
        <v>3633</v>
      </c>
      <c r="RL1" s="216" t="s">
        <v>3633</v>
      </c>
      <c r="RM1" s="216" t="s">
        <v>3633</v>
      </c>
      <c r="RN1" s="216" t="s">
        <v>3633</v>
      </c>
      <c r="RO1" s="216" t="s">
        <v>3633</v>
      </c>
      <c r="RP1" s="216" t="s">
        <v>3633</v>
      </c>
      <c r="RQ1" s="216" t="s">
        <v>3633</v>
      </c>
      <c r="RR1" s="216" t="s">
        <v>3633</v>
      </c>
      <c r="RS1" s="216" t="s">
        <v>3633</v>
      </c>
      <c r="RT1" s="216" t="s">
        <v>3633</v>
      </c>
      <c r="RU1" s="216" t="s">
        <v>3633</v>
      </c>
      <c r="RV1" s="216" t="s">
        <v>3633</v>
      </c>
      <c r="RW1" s="216" t="s">
        <v>3633</v>
      </c>
      <c r="RX1" s="216" t="s">
        <v>3633</v>
      </c>
      <c r="RY1" s="216" t="s">
        <v>3633</v>
      </c>
      <c r="RZ1" s="216" t="s">
        <v>3633</v>
      </c>
      <c r="SA1" s="216" t="s">
        <v>3633</v>
      </c>
      <c r="SB1" s="216" t="s">
        <v>3633</v>
      </c>
      <c r="SC1" s="216" t="s">
        <v>3633</v>
      </c>
      <c r="SD1" s="216" t="s">
        <v>3633</v>
      </c>
      <c r="SE1" s="216" t="s">
        <v>3633</v>
      </c>
      <c r="SF1" s="216" t="s">
        <v>3633</v>
      </c>
      <c r="SG1" s="216" t="s">
        <v>3633</v>
      </c>
      <c r="SH1" s="216" t="s">
        <v>3633</v>
      </c>
      <c r="SI1" s="216" t="s">
        <v>3633</v>
      </c>
      <c r="SJ1" s="216" t="s">
        <v>3633</v>
      </c>
      <c r="SK1" s="216" t="s">
        <v>3633</v>
      </c>
      <c r="SL1" s="216" t="s">
        <v>3633</v>
      </c>
      <c r="SM1" s="216" t="s">
        <v>3633</v>
      </c>
      <c r="SN1" s="216" t="s">
        <v>3633</v>
      </c>
      <c r="SO1" s="216" t="s">
        <v>3633</v>
      </c>
      <c r="SP1" s="216" t="s">
        <v>3633</v>
      </c>
      <c r="SQ1" s="216" t="s">
        <v>3633</v>
      </c>
      <c r="SR1" s="216" t="s">
        <v>3633</v>
      </c>
      <c r="SS1" s="216" t="s">
        <v>3633</v>
      </c>
      <c r="ST1" s="216" t="s">
        <v>3633</v>
      </c>
      <c r="SU1" s="216" t="s">
        <v>3633</v>
      </c>
      <c r="SV1" s="216" t="s">
        <v>3633</v>
      </c>
      <c r="SW1" s="216" t="s">
        <v>3633</v>
      </c>
      <c r="SX1" s="216" t="s">
        <v>3633</v>
      </c>
      <c r="SY1" s="216" t="s">
        <v>3633</v>
      </c>
      <c r="SZ1" s="216" t="s">
        <v>3633</v>
      </c>
      <c r="TA1" s="216" t="s">
        <v>3633</v>
      </c>
      <c r="TB1" s="216" t="s">
        <v>3633</v>
      </c>
      <c r="TC1" s="216" t="s">
        <v>3633</v>
      </c>
      <c r="TD1" s="216" t="s">
        <v>3633</v>
      </c>
      <c r="TE1" s="216" t="s">
        <v>3633</v>
      </c>
      <c r="TF1" s="216" t="s">
        <v>3633</v>
      </c>
      <c r="TG1" s="216" t="s">
        <v>3633</v>
      </c>
      <c r="TH1" s="216" t="s">
        <v>3633</v>
      </c>
      <c r="TI1" s="216" t="s">
        <v>3633</v>
      </c>
      <c r="TJ1" s="216" t="s">
        <v>3633</v>
      </c>
      <c r="TK1" s="216" t="s">
        <v>3633</v>
      </c>
      <c r="TL1" s="216" t="s">
        <v>3633</v>
      </c>
      <c r="TM1" s="216" t="s">
        <v>3633</v>
      </c>
      <c r="TN1" s="216" t="s">
        <v>3633</v>
      </c>
      <c r="TO1" s="216" t="s">
        <v>3633</v>
      </c>
      <c r="TP1" s="216" t="s">
        <v>3633</v>
      </c>
      <c r="TQ1" s="216" t="s">
        <v>3633</v>
      </c>
      <c r="TR1" s="216" t="s">
        <v>3633</v>
      </c>
      <c r="TS1" s="216" t="s">
        <v>3633</v>
      </c>
      <c r="TT1" s="216" t="s">
        <v>3633</v>
      </c>
      <c r="TU1" s="216" t="s">
        <v>3633</v>
      </c>
      <c r="TV1" s="216" t="s">
        <v>3633</v>
      </c>
      <c r="TW1" s="216" t="s">
        <v>3633</v>
      </c>
      <c r="TX1" s="216" t="s">
        <v>3633</v>
      </c>
      <c r="TY1" s="216" t="s">
        <v>3633</v>
      </c>
      <c r="TZ1" s="216" t="s">
        <v>3633</v>
      </c>
      <c r="UA1" s="216" t="s">
        <v>3633</v>
      </c>
      <c r="UB1" s="216" t="s">
        <v>3633</v>
      </c>
      <c r="UC1" s="216" t="s">
        <v>3633</v>
      </c>
      <c r="UD1" s="216" t="s">
        <v>3633</v>
      </c>
      <c r="UE1" s="216" t="s">
        <v>3633</v>
      </c>
      <c r="UF1" s="216" t="s">
        <v>3633</v>
      </c>
      <c r="UG1" s="216" t="s">
        <v>3633</v>
      </c>
      <c r="UH1" s="216" t="s">
        <v>3633</v>
      </c>
      <c r="UI1" s="216" t="s">
        <v>3633</v>
      </c>
      <c r="UJ1" s="216" t="s">
        <v>3633</v>
      </c>
      <c r="UK1" s="216" t="s">
        <v>3633</v>
      </c>
      <c r="UL1" s="216" t="s">
        <v>3633</v>
      </c>
      <c r="UM1" s="216" t="s">
        <v>3633</v>
      </c>
      <c r="UN1" s="216" t="s">
        <v>3633</v>
      </c>
      <c r="UO1" s="216" t="s">
        <v>3633</v>
      </c>
      <c r="UP1" s="216" t="s">
        <v>3633</v>
      </c>
      <c r="UQ1" s="216" t="s">
        <v>3633</v>
      </c>
      <c r="UR1" s="216" t="s">
        <v>3633</v>
      </c>
      <c r="US1" s="216" t="s">
        <v>3633</v>
      </c>
      <c r="UT1" s="216" t="s">
        <v>3633</v>
      </c>
      <c r="UU1" s="216" t="s">
        <v>3633</v>
      </c>
      <c r="UV1" s="216" t="s">
        <v>3633</v>
      </c>
      <c r="UW1" s="216" t="s">
        <v>3633</v>
      </c>
      <c r="UX1" s="216" t="s">
        <v>3633</v>
      </c>
      <c r="UY1" s="216" t="s">
        <v>3633</v>
      </c>
      <c r="UZ1" s="216" t="s">
        <v>3633</v>
      </c>
      <c r="VA1" s="216" t="s">
        <v>3633</v>
      </c>
      <c r="VB1" s="216" t="s">
        <v>3633</v>
      </c>
      <c r="VC1" s="216" t="s">
        <v>3633</v>
      </c>
      <c r="VD1" s="216" t="s">
        <v>3633</v>
      </c>
      <c r="VE1" s="216" t="s">
        <v>3633</v>
      </c>
      <c r="VF1" s="216" t="s">
        <v>3633</v>
      </c>
      <c r="VG1" s="216" t="s">
        <v>3633</v>
      </c>
      <c r="VH1" s="216" t="s">
        <v>3633</v>
      </c>
      <c r="VI1" s="216" t="s">
        <v>3633</v>
      </c>
      <c r="VJ1" s="216" t="s">
        <v>3633</v>
      </c>
      <c r="VK1" s="216" t="s">
        <v>3633</v>
      </c>
      <c r="VL1" s="216" t="s">
        <v>3633</v>
      </c>
      <c r="VM1" s="216" t="s">
        <v>3633</v>
      </c>
      <c r="VN1" s="216" t="s">
        <v>3633</v>
      </c>
      <c r="VO1" s="216" t="s">
        <v>3633</v>
      </c>
      <c r="VP1" s="216" t="s">
        <v>3633</v>
      </c>
      <c r="VQ1" s="216" t="s">
        <v>3633</v>
      </c>
      <c r="VR1" s="216" t="s">
        <v>3633</v>
      </c>
      <c r="VS1" s="216" t="s">
        <v>3633</v>
      </c>
      <c r="VT1" s="216" t="s">
        <v>3633</v>
      </c>
      <c r="VU1" s="216" t="s">
        <v>3633</v>
      </c>
      <c r="VV1" s="216" t="s">
        <v>3633</v>
      </c>
      <c r="VW1" s="216" t="s">
        <v>3633</v>
      </c>
      <c r="VX1" s="216" t="s">
        <v>3633</v>
      </c>
      <c r="VY1" s="216" t="s">
        <v>3633</v>
      </c>
      <c r="VZ1" s="216" t="s">
        <v>3633</v>
      </c>
      <c r="WA1" s="216" t="s">
        <v>3633</v>
      </c>
      <c r="WB1" s="216" t="s">
        <v>3633</v>
      </c>
      <c r="WC1" s="216" t="s">
        <v>3633</v>
      </c>
      <c r="WD1" s="216" t="s">
        <v>3633</v>
      </c>
      <c r="WE1" s="216" t="s">
        <v>3633</v>
      </c>
      <c r="WF1" s="216" t="s">
        <v>3633</v>
      </c>
      <c r="WG1" s="216" t="s">
        <v>3633</v>
      </c>
      <c r="WH1" s="216" t="s">
        <v>3633</v>
      </c>
      <c r="WI1" s="216" t="s">
        <v>3633</v>
      </c>
      <c r="WJ1" s="216" t="s">
        <v>3633</v>
      </c>
      <c r="WK1" s="216" t="s">
        <v>3633</v>
      </c>
      <c r="WL1" s="216" t="s">
        <v>3633</v>
      </c>
      <c r="WM1" s="216" t="s">
        <v>3633</v>
      </c>
      <c r="WN1" s="216" t="s">
        <v>3633</v>
      </c>
      <c r="WO1" s="216" t="s">
        <v>3633</v>
      </c>
      <c r="WP1" s="216" t="s">
        <v>3633</v>
      </c>
      <c r="WQ1" s="216" t="s">
        <v>3633</v>
      </c>
      <c r="WR1" s="216" t="s">
        <v>3633</v>
      </c>
      <c r="WS1" s="216" t="s">
        <v>3633</v>
      </c>
      <c r="WT1" s="216" t="s">
        <v>3633</v>
      </c>
      <c r="WU1" s="216" t="s">
        <v>3633</v>
      </c>
      <c r="WV1" s="216" t="s">
        <v>3633</v>
      </c>
      <c r="WW1" s="216" t="s">
        <v>3633</v>
      </c>
      <c r="WX1" s="216" t="s">
        <v>3633</v>
      </c>
      <c r="WY1" s="216" t="s">
        <v>3633</v>
      </c>
      <c r="WZ1" s="216" t="s">
        <v>3633</v>
      </c>
      <c r="XA1" s="216" t="s">
        <v>3633</v>
      </c>
      <c r="XB1" s="216" t="s">
        <v>3633</v>
      </c>
      <c r="XC1" s="216" t="s">
        <v>3633</v>
      </c>
      <c r="XD1" s="216" t="s">
        <v>3633</v>
      </c>
      <c r="XE1" s="216" t="s">
        <v>3633</v>
      </c>
      <c r="XF1" s="216" t="s">
        <v>3633</v>
      </c>
      <c r="XG1" s="216" t="s">
        <v>3633</v>
      </c>
      <c r="XH1" s="216" t="s">
        <v>3633</v>
      </c>
      <c r="XI1" s="216" t="s">
        <v>3633</v>
      </c>
      <c r="XJ1" s="216" t="s">
        <v>3633</v>
      </c>
      <c r="XK1" s="216" t="s">
        <v>3633</v>
      </c>
      <c r="XL1" s="216" t="s">
        <v>3633</v>
      </c>
      <c r="XM1" s="216" t="s">
        <v>3633</v>
      </c>
      <c r="XN1" s="216" t="s">
        <v>3633</v>
      </c>
      <c r="XO1" s="216" t="s">
        <v>3633</v>
      </c>
      <c r="XP1" s="216" t="s">
        <v>3633</v>
      </c>
      <c r="XQ1" s="216" t="s">
        <v>3633</v>
      </c>
      <c r="XR1" s="216" t="s">
        <v>3633</v>
      </c>
      <c r="XS1" s="216" t="s">
        <v>3633</v>
      </c>
      <c r="XT1" s="216" t="s">
        <v>3633</v>
      </c>
      <c r="XU1" s="216" t="s">
        <v>3633</v>
      </c>
      <c r="XV1" s="216" t="s">
        <v>3633</v>
      </c>
      <c r="XW1" s="216" t="s">
        <v>3633</v>
      </c>
      <c r="XX1" s="216" t="s">
        <v>3633</v>
      </c>
      <c r="XY1" s="216" t="s">
        <v>3633</v>
      </c>
      <c r="XZ1" s="216" t="s">
        <v>3633</v>
      </c>
      <c r="YA1" s="216" t="s">
        <v>3633</v>
      </c>
      <c r="YB1" s="216" t="s">
        <v>3633</v>
      </c>
      <c r="YC1" s="216" t="s">
        <v>3633</v>
      </c>
      <c r="YD1" s="216" t="s">
        <v>3633</v>
      </c>
      <c r="YE1" s="216" t="s">
        <v>3633</v>
      </c>
      <c r="YF1" s="216" t="s">
        <v>3633</v>
      </c>
      <c r="YG1" s="216" t="s">
        <v>3633</v>
      </c>
      <c r="YH1" s="216" t="s">
        <v>3633</v>
      </c>
      <c r="YI1" s="216" t="s">
        <v>3633</v>
      </c>
      <c r="YJ1" s="216" t="s">
        <v>3633</v>
      </c>
      <c r="YK1" s="216" t="s">
        <v>3633</v>
      </c>
      <c r="YL1" s="216" t="s">
        <v>3633</v>
      </c>
      <c r="YM1" s="216" t="s">
        <v>3633</v>
      </c>
      <c r="YN1" s="216" t="s">
        <v>3633</v>
      </c>
      <c r="YO1" s="216" t="s">
        <v>3633</v>
      </c>
      <c r="YP1" s="216" t="s">
        <v>3633</v>
      </c>
      <c r="YQ1" s="216" t="s">
        <v>3633</v>
      </c>
      <c r="YR1" s="216" t="s">
        <v>3633</v>
      </c>
      <c r="YS1" s="216" t="s">
        <v>3633</v>
      </c>
      <c r="YT1" s="216" t="s">
        <v>3633</v>
      </c>
      <c r="YU1" s="216" t="s">
        <v>3633</v>
      </c>
      <c r="YV1" s="216" t="s">
        <v>3633</v>
      </c>
      <c r="YW1" s="216" t="s">
        <v>3633</v>
      </c>
      <c r="YX1" s="216" t="s">
        <v>3633</v>
      </c>
      <c r="YY1" s="216" t="s">
        <v>3633</v>
      </c>
      <c r="YZ1" s="216" t="s">
        <v>3633</v>
      </c>
      <c r="ZA1" s="216" t="s">
        <v>3633</v>
      </c>
      <c r="ZB1" s="216" t="s">
        <v>3633</v>
      </c>
      <c r="ZC1" s="216" t="s">
        <v>3633</v>
      </c>
      <c r="ZD1" s="216" t="s">
        <v>3633</v>
      </c>
      <c r="ZE1" s="216" t="s">
        <v>3633</v>
      </c>
      <c r="ZF1" s="216" t="s">
        <v>3633</v>
      </c>
      <c r="ZG1" s="216" t="s">
        <v>3633</v>
      </c>
      <c r="ZH1" s="216" t="s">
        <v>3633</v>
      </c>
      <c r="ZI1" s="216" t="s">
        <v>3633</v>
      </c>
      <c r="ZJ1" s="216" t="s">
        <v>3633</v>
      </c>
      <c r="ZK1" s="216" t="s">
        <v>3633</v>
      </c>
      <c r="ZL1" s="216" t="s">
        <v>3633</v>
      </c>
      <c r="ZM1" s="216" t="s">
        <v>3633</v>
      </c>
      <c r="ZN1" s="216" t="s">
        <v>3633</v>
      </c>
      <c r="ZO1" s="216" t="s">
        <v>3633</v>
      </c>
      <c r="ZP1" s="216" t="s">
        <v>3633</v>
      </c>
      <c r="ZQ1" s="216" t="s">
        <v>3633</v>
      </c>
      <c r="ZR1" s="216" t="s">
        <v>3633</v>
      </c>
      <c r="ZS1" s="216" t="s">
        <v>3633</v>
      </c>
      <c r="ZT1" s="216" t="s">
        <v>3633</v>
      </c>
      <c r="ZU1" s="216" t="s">
        <v>3633</v>
      </c>
      <c r="ZV1" s="216" t="s">
        <v>3633</v>
      </c>
      <c r="ZW1" s="216" t="s">
        <v>3633</v>
      </c>
      <c r="ZX1" s="216" t="s">
        <v>3633</v>
      </c>
      <c r="ZY1" s="216" t="s">
        <v>3633</v>
      </c>
      <c r="ZZ1" s="216" t="s">
        <v>3633</v>
      </c>
      <c r="AAA1" s="216" t="s">
        <v>3633</v>
      </c>
      <c r="AAB1" s="216" t="s">
        <v>3633</v>
      </c>
      <c r="AAC1" s="216" t="s">
        <v>3633</v>
      </c>
      <c r="AAD1" s="216" t="s">
        <v>3633</v>
      </c>
      <c r="AAE1" s="216" t="s">
        <v>3633</v>
      </c>
      <c r="AAF1" s="216" t="s">
        <v>3633</v>
      </c>
      <c r="AAG1" s="216" t="s">
        <v>3633</v>
      </c>
      <c r="AAH1" s="216" t="s">
        <v>3633</v>
      </c>
      <c r="AAI1" s="216" t="s">
        <v>3633</v>
      </c>
      <c r="AAJ1" s="216" t="s">
        <v>3633</v>
      </c>
      <c r="AAK1" s="216" t="s">
        <v>3633</v>
      </c>
      <c r="AAL1" s="216" t="s">
        <v>3633</v>
      </c>
      <c r="AAM1" s="216" t="s">
        <v>3633</v>
      </c>
      <c r="AAN1" s="216" t="s">
        <v>3633</v>
      </c>
      <c r="AAO1" s="216" t="s">
        <v>3633</v>
      </c>
      <c r="AAP1" s="216" t="s">
        <v>3633</v>
      </c>
      <c r="AAQ1" s="216" t="s">
        <v>3633</v>
      </c>
      <c r="AAR1" s="216" t="s">
        <v>3633</v>
      </c>
      <c r="AAS1" s="216" t="s">
        <v>3633</v>
      </c>
      <c r="AAT1" s="216" t="s">
        <v>3633</v>
      </c>
      <c r="AAU1" s="216" t="s">
        <v>3633</v>
      </c>
      <c r="AAV1" s="216" t="s">
        <v>3633</v>
      </c>
      <c r="AAW1" s="216" t="s">
        <v>3633</v>
      </c>
      <c r="AAX1" s="216" t="s">
        <v>3633</v>
      </c>
      <c r="AAY1" s="216" t="s">
        <v>3633</v>
      </c>
      <c r="AAZ1" s="216" t="s">
        <v>3633</v>
      </c>
      <c r="ABA1" s="216" t="s">
        <v>3633</v>
      </c>
      <c r="ABB1" s="216" t="s">
        <v>3633</v>
      </c>
      <c r="ABC1" s="216" t="s">
        <v>3633</v>
      </c>
      <c r="ABD1" s="216" t="s">
        <v>3633</v>
      </c>
      <c r="ABE1" s="216" t="s">
        <v>3633</v>
      </c>
      <c r="ABF1" s="216" t="s">
        <v>3633</v>
      </c>
      <c r="ABG1" s="216" t="s">
        <v>3633</v>
      </c>
      <c r="ABH1" s="216" t="s">
        <v>3633</v>
      </c>
      <c r="ABI1" s="216" t="s">
        <v>3633</v>
      </c>
      <c r="ABJ1" s="216" t="s">
        <v>3633</v>
      </c>
      <c r="ABK1" s="216" t="s">
        <v>3633</v>
      </c>
      <c r="ABL1" s="216" t="s">
        <v>3633</v>
      </c>
      <c r="ABM1" s="216" t="s">
        <v>3633</v>
      </c>
      <c r="ABN1" s="216" t="s">
        <v>3633</v>
      </c>
      <c r="ABO1" s="216" t="s">
        <v>3633</v>
      </c>
      <c r="ABP1" s="216" t="s">
        <v>3633</v>
      </c>
      <c r="ABQ1" s="216" t="s">
        <v>3633</v>
      </c>
      <c r="ABR1" s="216" t="s">
        <v>3633</v>
      </c>
      <c r="ABS1" s="216" t="s">
        <v>3633</v>
      </c>
      <c r="ABT1" s="216" t="s">
        <v>3633</v>
      </c>
      <c r="ABU1" s="216" t="s">
        <v>3633</v>
      </c>
      <c r="ABV1" s="216" t="s">
        <v>3633</v>
      </c>
      <c r="ABW1" s="216" t="s">
        <v>3633</v>
      </c>
      <c r="ABX1" s="216" t="s">
        <v>3633</v>
      </c>
      <c r="ABY1" s="216" t="s">
        <v>3633</v>
      </c>
      <c r="ABZ1" s="216" t="s">
        <v>3633</v>
      </c>
      <c r="ACA1" s="216" t="s">
        <v>3633</v>
      </c>
      <c r="ACB1" s="216" t="s">
        <v>3633</v>
      </c>
      <c r="ACC1" s="216" t="s">
        <v>3633</v>
      </c>
      <c r="ACD1" s="216" t="s">
        <v>3633</v>
      </c>
      <c r="ACE1" s="216" t="s">
        <v>3633</v>
      </c>
      <c r="ACF1" s="216" t="s">
        <v>3633</v>
      </c>
      <c r="ACG1" s="216" t="s">
        <v>3633</v>
      </c>
      <c r="ACH1" s="216" t="s">
        <v>3633</v>
      </c>
      <c r="ACI1" s="216" t="s">
        <v>3633</v>
      </c>
      <c r="ACJ1" s="216" t="s">
        <v>3633</v>
      </c>
      <c r="ACK1" s="216" t="s">
        <v>3633</v>
      </c>
      <c r="ACL1" s="216" t="s">
        <v>3633</v>
      </c>
      <c r="ACM1" s="216" t="s">
        <v>3633</v>
      </c>
      <c r="ACN1" s="216" t="s">
        <v>3633</v>
      </c>
      <c r="ACO1" s="216" t="s">
        <v>3633</v>
      </c>
      <c r="ACP1" s="216" t="s">
        <v>3633</v>
      </c>
      <c r="ACQ1" s="216" t="s">
        <v>3633</v>
      </c>
      <c r="ACR1" s="216" t="s">
        <v>3633</v>
      </c>
      <c r="ACS1" s="216" t="s">
        <v>3633</v>
      </c>
      <c r="ACT1" s="216" t="s">
        <v>3633</v>
      </c>
      <c r="ACU1" s="216" t="s">
        <v>3633</v>
      </c>
      <c r="ACV1" s="216" t="s">
        <v>3633</v>
      </c>
      <c r="ACW1" s="216" t="s">
        <v>3633</v>
      </c>
      <c r="ACX1" s="216" t="s">
        <v>3633</v>
      </c>
      <c r="ACY1" s="216" t="s">
        <v>3633</v>
      </c>
      <c r="ACZ1" s="216" t="s">
        <v>3633</v>
      </c>
      <c r="ADA1" s="216" t="s">
        <v>3633</v>
      </c>
      <c r="ADB1" s="216" t="s">
        <v>3633</v>
      </c>
      <c r="ADC1" s="216" t="s">
        <v>3633</v>
      </c>
      <c r="ADD1" s="216" t="s">
        <v>3633</v>
      </c>
      <c r="ADE1" s="216" t="s">
        <v>3633</v>
      </c>
      <c r="ADF1" s="216" t="s">
        <v>3633</v>
      </c>
      <c r="ADG1" s="216" t="s">
        <v>3633</v>
      </c>
      <c r="ADH1" s="216" t="s">
        <v>3633</v>
      </c>
      <c r="ADI1" s="216" t="s">
        <v>3633</v>
      </c>
      <c r="ADJ1" s="216" t="s">
        <v>3633</v>
      </c>
      <c r="ADK1" s="216" t="s">
        <v>3633</v>
      </c>
      <c r="ADL1" s="216" t="s">
        <v>3633</v>
      </c>
      <c r="ADM1" s="216" t="s">
        <v>3633</v>
      </c>
      <c r="ADN1" s="216" t="s">
        <v>3633</v>
      </c>
      <c r="ADO1" s="216" t="s">
        <v>3633</v>
      </c>
      <c r="ADP1" s="216" t="s">
        <v>3633</v>
      </c>
      <c r="ADQ1" s="216" t="s">
        <v>3633</v>
      </c>
      <c r="ADR1" s="216" t="s">
        <v>3633</v>
      </c>
      <c r="ADS1" s="216" t="s">
        <v>3633</v>
      </c>
      <c r="ADT1" s="216" t="s">
        <v>3633</v>
      </c>
      <c r="ADU1" s="216" t="s">
        <v>3633</v>
      </c>
      <c r="ADV1" s="216" t="s">
        <v>3633</v>
      </c>
      <c r="ADW1" s="216" t="s">
        <v>3633</v>
      </c>
      <c r="ADX1" s="216" t="s">
        <v>3633</v>
      </c>
      <c r="ADY1" s="216" t="s">
        <v>3633</v>
      </c>
      <c r="ADZ1" s="216" t="s">
        <v>3633</v>
      </c>
      <c r="AEA1" s="216" t="s">
        <v>3633</v>
      </c>
      <c r="AEB1" s="216" t="s">
        <v>3633</v>
      </c>
      <c r="AEC1" s="216" t="s">
        <v>3633</v>
      </c>
      <c r="AED1" s="216" t="s">
        <v>3633</v>
      </c>
      <c r="AEE1" s="216" t="s">
        <v>3633</v>
      </c>
      <c r="AEF1" s="216" t="s">
        <v>3633</v>
      </c>
      <c r="AEG1" s="216" t="s">
        <v>3633</v>
      </c>
      <c r="AEH1" s="216" t="s">
        <v>3633</v>
      </c>
      <c r="AEI1" s="216" t="s">
        <v>3633</v>
      </c>
      <c r="AEJ1" s="216" t="s">
        <v>3633</v>
      </c>
      <c r="AEK1" s="216" t="s">
        <v>3633</v>
      </c>
      <c r="AEL1" s="216" t="s">
        <v>3633</v>
      </c>
      <c r="AEM1" s="216" t="s">
        <v>3633</v>
      </c>
      <c r="AEN1" s="216" t="s">
        <v>3633</v>
      </c>
      <c r="AEO1" s="216" t="s">
        <v>3633</v>
      </c>
      <c r="AEP1" s="216" t="s">
        <v>3633</v>
      </c>
      <c r="AEQ1" s="216" t="s">
        <v>3633</v>
      </c>
      <c r="AER1" s="216" t="s">
        <v>3633</v>
      </c>
      <c r="AES1" s="216" t="s">
        <v>3633</v>
      </c>
      <c r="AET1" s="216" t="s">
        <v>3633</v>
      </c>
      <c r="AEU1" s="216" t="s">
        <v>3633</v>
      </c>
      <c r="AEV1" s="216" t="s">
        <v>3633</v>
      </c>
      <c r="AEW1" s="216" t="s">
        <v>3633</v>
      </c>
      <c r="AEX1" s="216" t="s">
        <v>3633</v>
      </c>
      <c r="AEY1" s="216" t="s">
        <v>3633</v>
      </c>
      <c r="AEZ1" s="216" t="s">
        <v>3633</v>
      </c>
      <c r="AFA1" s="216" t="s">
        <v>3633</v>
      </c>
      <c r="AFB1" s="216" t="s">
        <v>3633</v>
      </c>
      <c r="AFC1" s="216" t="s">
        <v>3633</v>
      </c>
      <c r="AFD1" s="216" t="s">
        <v>3633</v>
      </c>
      <c r="AFE1" s="216" t="s">
        <v>3633</v>
      </c>
      <c r="AFF1" s="216" t="s">
        <v>3633</v>
      </c>
      <c r="AFG1" s="216" t="s">
        <v>3633</v>
      </c>
      <c r="AFH1" s="216" t="s">
        <v>3633</v>
      </c>
      <c r="AFI1" s="216" t="s">
        <v>3633</v>
      </c>
      <c r="AFJ1" s="216" t="s">
        <v>3633</v>
      </c>
      <c r="AFK1" s="216" t="s">
        <v>3633</v>
      </c>
      <c r="AFL1" s="216" t="s">
        <v>3633</v>
      </c>
      <c r="AFM1" s="216" t="s">
        <v>3633</v>
      </c>
      <c r="AFN1" s="216" t="s">
        <v>3633</v>
      </c>
      <c r="AFO1" s="216" t="s">
        <v>3633</v>
      </c>
      <c r="AFP1" s="216" t="s">
        <v>3633</v>
      </c>
      <c r="AFQ1" s="216" t="s">
        <v>3633</v>
      </c>
      <c r="AFR1" s="216" t="s">
        <v>3633</v>
      </c>
      <c r="AFS1" s="216" t="s">
        <v>3633</v>
      </c>
      <c r="AFT1" s="216" t="s">
        <v>3633</v>
      </c>
      <c r="AFU1" s="216" t="s">
        <v>3633</v>
      </c>
      <c r="AFV1" s="216" t="s">
        <v>3633</v>
      </c>
      <c r="AFW1" s="216" t="s">
        <v>3633</v>
      </c>
      <c r="AFX1" s="216" t="s">
        <v>3633</v>
      </c>
      <c r="AFY1" s="216" t="s">
        <v>3633</v>
      </c>
      <c r="AFZ1" s="216" t="s">
        <v>3633</v>
      </c>
      <c r="AGA1" s="216" t="s">
        <v>3633</v>
      </c>
      <c r="AGB1" s="216" t="s">
        <v>3633</v>
      </c>
      <c r="AGC1" s="216" t="s">
        <v>3633</v>
      </c>
      <c r="AGD1" s="216" t="s">
        <v>3633</v>
      </c>
      <c r="AGE1" s="216" t="s">
        <v>3633</v>
      </c>
      <c r="AGF1" s="216" t="s">
        <v>3633</v>
      </c>
      <c r="AGG1" s="216" t="s">
        <v>3633</v>
      </c>
      <c r="AGH1" s="216" t="s">
        <v>3633</v>
      </c>
      <c r="AGI1" s="216" t="s">
        <v>3633</v>
      </c>
      <c r="AGJ1" s="216" t="s">
        <v>3633</v>
      </c>
      <c r="AGK1" s="216" t="s">
        <v>3633</v>
      </c>
      <c r="AGL1" s="216" t="s">
        <v>3633</v>
      </c>
      <c r="AGM1" s="216" t="s">
        <v>3633</v>
      </c>
      <c r="AGN1" s="216" t="s">
        <v>3633</v>
      </c>
      <c r="AGO1" s="216" t="s">
        <v>3633</v>
      </c>
      <c r="AGP1" s="216" t="s">
        <v>3633</v>
      </c>
      <c r="AGQ1" s="216" t="s">
        <v>3633</v>
      </c>
      <c r="AGR1" s="216" t="s">
        <v>3633</v>
      </c>
      <c r="AGS1" s="216" t="s">
        <v>3633</v>
      </c>
      <c r="AGT1" s="216" t="s">
        <v>3633</v>
      </c>
      <c r="AGU1" s="216" t="s">
        <v>3633</v>
      </c>
      <c r="AGV1" s="216" t="s">
        <v>3633</v>
      </c>
      <c r="AGW1" s="216" t="s">
        <v>3633</v>
      </c>
      <c r="AGX1" s="216" t="s">
        <v>3633</v>
      </c>
      <c r="AGY1" s="216" t="s">
        <v>3633</v>
      </c>
      <c r="AGZ1" s="216" t="s">
        <v>3633</v>
      </c>
      <c r="AHA1" s="216" t="s">
        <v>3633</v>
      </c>
      <c r="AHB1" s="216" t="s">
        <v>3633</v>
      </c>
      <c r="AHC1" s="216" t="s">
        <v>3633</v>
      </c>
      <c r="AHD1" s="216" t="s">
        <v>3633</v>
      </c>
      <c r="AHE1" s="216" t="s">
        <v>3633</v>
      </c>
      <c r="AHF1" s="216" t="s">
        <v>3633</v>
      </c>
      <c r="AHG1" s="216" t="s">
        <v>3633</v>
      </c>
      <c r="AHH1" s="216" t="s">
        <v>3633</v>
      </c>
      <c r="AHI1" s="216" t="s">
        <v>3633</v>
      </c>
      <c r="AHJ1" s="216" t="s">
        <v>3633</v>
      </c>
      <c r="AHK1" s="216" t="s">
        <v>3633</v>
      </c>
      <c r="AHL1" s="216" t="s">
        <v>3633</v>
      </c>
      <c r="AHM1" s="216" t="s">
        <v>3633</v>
      </c>
      <c r="AHN1" s="216" t="s">
        <v>3633</v>
      </c>
      <c r="AHO1" s="216" t="s">
        <v>3633</v>
      </c>
      <c r="AHP1" s="216" t="s">
        <v>3633</v>
      </c>
      <c r="AHQ1" s="216" t="s">
        <v>3633</v>
      </c>
      <c r="AHR1" s="216" t="s">
        <v>3633</v>
      </c>
      <c r="AHS1" s="216" t="s">
        <v>3633</v>
      </c>
      <c r="AHT1" s="216" t="s">
        <v>3633</v>
      </c>
      <c r="AHU1" s="216" t="s">
        <v>3633</v>
      </c>
      <c r="AHV1" s="216" t="s">
        <v>3633</v>
      </c>
      <c r="AHW1" s="216" t="s">
        <v>3633</v>
      </c>
      <c r="AHX1" s="216" t="s">
        <v>3633</v>
      </c>
      <c r="AHY1" s="216" t="s">
        <v>3633</v>
      </c>
      <c r="AHZ1" s="216" t="s">
        <v>3633</v>
      </c>
      <c r="AIA1" s="216" t="s">
        <v>3633</v>
      </c>
      <c r="AIB1" s="216" t="s">
        <v>3633</v>
      </c>
      <c r="AIC1" s="216" t="s">
        <v>3633</v>
      </c>
      <c r="AID1" s="216" t="s">
        <v>3633</v>
      </c>
      <c r="AIE1" s="216" t="s">
        <v>3633</v>
      </c>
      <c r="AIF1" s="216" t="s">
        <v>3633</v>
      </c>
      <c r="AIG1" s="216" t="s">
        <v>3633</v>
      </c>
      <c r="AIH1" s="216" t="s">
        <v>3633</v>
      </c>
      <c r="AII1" s="216" t="s">
        <v>3633</v>
      </c>
      <c r="AIJ1" s="216" t="s">
        <v>3633</v>
      </c>
      <c r="AIK1" s="216" t="s">
        <v>3633</v>
      </c>
      <c r="AIL1" s="216" t="s">
        <v>3633</v>
      </c>
      <c r="AIM1" s="216" t="s">
        <v>3633</v>
      </c>
      <c r="AIN1" s="216" t="s">
        <v>3633</v>
      </c>
      <c r="AIO1" s="216" t="s">
        <v>3633</v>
      </c>
      <c r="AIP1" s="216" t="s">
        <v>3633</v>
      </c>
      <c r="AIQ1" s="216" t="s">
        <v>3633</v>
      </c>
      <c r="AIR1" s="216" t="s">
        <v>3633</v>
      </c>
      <c r="AIS1" s="216" t="s">
        <v>3633</v>
      </c>
      <c r="AIT1" s="216" t="s">
        <v>3633</v>
      </c>
      <c r="AIU1" s="216" t="s">
        <v>3633</v>
      </c>
      <c r="AIV1" s="216" t="s">
        <v>3633</v>
      </c>
      <c r="AIW1" s="216" t="s">
        <v>3633</v>
      </c>
      <c r="AIX1" s="216" t="s">
        <v>3633</v>
      </c>
      <c r="AIY1" s="216" t="s">
        <v>3633</v>
      </c>
      <c r="AIZ1" s="216" t="s">
        <v>3633</v>
      </c>
      <c r="AJA1" s="216" t="s">
        <v>3633</v>
      </c>
      <c r="AJB1" s="216" t="s">
        <v>3633</v>
      </c>
      <c r="AJC1" s="216" t="s">
        <v>3633</v>
      </c>
      <c r="AJD1" s="216" t="s">
        <v>3633</v>
      </c>
      <c r="AJE1" s="216" t="s">
        <v>3633</v>
      </c>
      <c r="AJF1" s="216" t="s">
        <v>3633</v>
      </c>
      <c r="AJG1" s="216" t="s">
        <v>3633</v>
      </c>
      <c r="AJH1" s="216" t="s">
        <v>3633</v>
      </c>
      <c r="AJI1" s="216" t="s">
        <v>3633</v>
      </c>
      <c r="AJJ1" s="216" t="s">
        <v>3633</v>
      </c>
      <c r="AJK1" s="216" t="s">
        <v>3633</v>
      </c>
      <c r="AJL1" s="216" t="s">
        <v>3633</v>
      </c>
      <c r="AJM1" s="216" t="s">
        <v>3633</v>
      </c>
      <c r="AJN1" s="216" t="s">
        <v>3633</v>
      </c>
      <c r="AJO1" s="216" t="s">
        <v>3633</v>
      </c>
      <c r="AJP1" s="216" t="s">
        <v>3633</v>
      </c>
      <c r="AJQ1" s="216" t="s">
        <v>3633</v>
      </c>
      <c r="AJR1" s="216" t="s">
        <v>3633</v>
      </c>
      <c r="AJS1" s="216" t="s">
        <v>3633</v>
      </c>
      <c r="AJT1" s="216" t="s">
        <v>3633</v>
      </c>
      <c r="AJU1" s="216" t="s">
        <v>3633</v>
      </c>
      <c r="AJV1" s="216" t="s">
        <v>3633</v>
      </c>
      <c r="AJW1" s="216" t="s">
        <v>3633</v>
      </c>
      <c r="AJX1" s="216" t="s">
        <v>3633</v>
      </c>
      <c r="AJY1" s="216" t="s">
        <v>3633</v>
      </c>
      <c r="AJZ1" s="216" t="s">
        <v>3633</v>
      </c>
      <c r="AKA1" s="216" t="s">
        <v>3633</v>
      </c>
      <c r="AKB1" s="216" t="s">
        <v>3633</v>
      </c>
      <c r="AKC1" s="216" t="s">
        <v>3633</v>
      </c>
      <c r="AKD1" s="216" t="s">
        <v>3633</v>
      </c>
      <c r="AKE1" s="216" t="s">
        <v>3633</v>
      </c>
      <c r="AKF1" s="216" t="s">
        <v>3633</v>
      </c>
      <c r="AKG1" s="216" t="s">
        <v>3633</v>
      </c>
      <c r="AKH1" s="216" t="s">
        <v>3633</v>
      </c>
      <c r="AKI1" s="216" t="s">
        <v>3633</v>
      </c>
      <c r="AKJ1" s="216" t="s">
        <v>3633</v>
      </c>
      <c r="AKK1" s="216" t="s">
        <v>3633</v>
      </c>
      <c r="AKL1" s="216" t="s">
        <v>3633</v>
      </c>
      <c r="AKM1" s="216" t="s">
        <v>3633</v>
      </c>
      <c r="AKN1" s="216" t="s">
        <v>3633</v>
      </c>
      <c r="AKO1" s="216" t="s">
        <v>3633</v>
      </c>
      <c r="AKP1" s="216" t="s">
        <v>3633</v>
      </c>
      <c r="AKQ1" s="216" t="s">
        <v>3633</v>
      </c>
      <c r="AKR1" s="216" t="s">
        <v>3633</v>
      </c>
      <c r="AKS1" s="216" t="s">
        <v>3633</v>
      </c>
      <c r="AKT1" s="216" t="s">
        <v>3633</v>
      </c>
      <c r="AKU1" s="216" t="s">
        <v>3633</v>
      </c>
      <c r="AKV1" s="216" t="s">
        <v>3633</v>
      </c>
      <c r="AKW1" s="216" t="s">
        <v>3633</v>
      </c>
      <c r="AKX1" s="216" t="s">
        <v>3633</v>
      </c>
      <c r="AKY1" s="216" t="s">
        <v>3633</v>
      </c>
      <c r="AKZ1" s="216" t="s">
        <v>3633</v>
      </c>
      <c r="ALA1" s="216" t="s">
        <v>3633</v>
      </c>
      <c r="ALB1" s="216" t="s">
        <v>3633</v>
      </c>
      <c r="ALC1" s="216" t="s">
        <v>3633</v>
      </c>
      <c r="ALD1" s="216" t="s">
        <v>3633</v>
      </c>
      <c r="ALE1" s="216" t="s">
        <v>3633</v>
      </c>
      <c r="ALF1" s="216" t="s">
        <v>3633</v>
      </c>
      <c r="ALG1" s="216" t="s">
        <v>3633</v>
      </c>
      <c r="ALH1" s="216" t="s">
        <v>3633</v>
      </c>
      <c r="ALI1" s="216" t="s">
        <v>3633</v>
      </c>
      <c r="ALJ1" s="216" t="s">
        <v>3633</v>
      </c>
      <c r="ALK1" s="216" t="s">
        <v>3633</v>
      </c>
      <c r="ALL1" s="216" t="s">
        <v>3633</v>
      </c>
      <c r="ALM1" s="216" t="s">
        <v>3633</v>
      </c>
      <c r="ALN1" s="216" t="s">
        <v>3633</v>
      </c>
      <c r="ALO1" s="216" t="s">
        <v>3633</v>
      </c>
      <c r="ALP1" s="216" t="s">
        <v>3633</v>
      </c>
      <c r="ALQ1" s="216" t="s">
        <v>3633</v>
      </c>
      <c r="ALR1" s="216" t="s">
        <v>3633</v>
      </c>
      <c r="ALS1" s="216" t="s">
        <v>3633</v>
      </c>
      <c r="ALT1" s="216" t="s">
        <v>3633</v>
      </c>
      <c r="ALU1" s="216" t="s">
        <v>3633</v>
      </c>
      <c r="ALV1" s="216" t="s">
        <v>3633</v>
      </c>
      <c r="ALW1" s="216" t="s">
        <v>3633</v>
      </c>
      <c r="ALX1" s="216" t="s">
        <v>3633</v>
      </c>
      <c r="ALY1" s="216" t="s">
        <v>3633</v>
      </c>
      <c r="ALZ1" s="216" t="s">
        <v>3633</v>
      </c>
      <c r="AMA1" s="216" t="s">
        <v>3633</v>
      </c>
      <c r="AMB1" s="216" t="s">
        <v>3633</v>
      </c>
      <c r="AMC1" s="216" t="s">
        <v>3633</v>
      </c>
      <c r="AMD1" s="216" t="s">
        <v>3633</v>
      </c>
      <c r="AME1" s="216" t="s">
        <v>3633</v>
      </c>
      <c r="AMF1" s="216" t="s">
        <v>3633</v>
      </c>
      <c r="AMG1" s="216" t="s">
        <v>3633</v>
      </c>
      <c r="AMH1" s="216" t="s">
        <v>3633</v>
      </c>
      <c r="AMI1" s="216" t="s">
        <v>3633</v>
      </c>
      <c r="AMJ1" s="216" t="s">
        <v>3633</v>
      </c>
      <c r="AMK1" s="216" t="s">
        <v>3633</v>
      </c>
      <c r="AML1" s="216" t="s">
        <v>3633</v>
      </c>
      <c r="AMM1" s="216" t="s">
        <v>3633</v>
      </c>
      <c r="AMN1" s="216" t="s">
        <v>3633</v>
      </c>
      <c r="AMO1" s="216" t="s">
        <v>3633</v>
      </c>
      <c r="AMP1" s="216" t="s">
        <v>3633</v>
      </c>
      <c r="AMQ1" s="216" t="s">
        <v>3633</v>
      </c>
      <c r="AMR1" s="216" t="s">
        <v>3633</v>
      </c>
      <c r="AMS1" s="216" t="s">
        <v>3633</v>
      </c>
      <c r="AMT1" s="216" t="s">
        <v>3633</v>
      </c>
      <c r="AMU1" s="216" t="s">
        <v>3633</v>
      </c>
      <c r="AMV1" s="216" t="s">
        <v>3633</v>
      </c>
      <c r="AMW1" s="216" t="s">
        <v>3633</v>
      </c>
      <c r="AMX1" s="216" t="s">
        <v>3633</v>
      </c>
      <c r="AMY1" s="216" t="s">
        <v>3633</v>
      </c>
      <c r="AMZ1" s="216" t="s">
        <v>3633</v>
      </c>
      <c r="ANA1" s="216" t="s">
        <v>3633</v>
      </c>
      <c r="ANB1" s="216" t="s">
        <v>3633</v>
      </c>
      <c r="ANC1" s="216" t="s">
        <v>3633</v>
      </c>
      <c r="AND1" s="216" t="s">
        <v>3633</v>
      </c>
      <c r="ANE1" s="216" t="s">
        <v>3633</v>
      </c>
      <c r="ANF1" s="216" t="s">
        <v>3633</v>
      </c>
      <c r="ANG1" s="216" t="s">
        <v>3633</v>
      </c>
      <c r="ANH1" s="216" t="s">
        <v>3633</v>
      </c>
      <c r="ANI1" s="216" t="s">
        <v>3633</v>
      </c>
      <c r="ANJ1" s="216" t="s">
        <v>3633</v>
      </c>
      <c r="ANK1" s="216" t="s">
        <v>3633</v>
      </c>
      <c r="ANL1" s="216" t="s">
        <v>3633</v>
      </c>
      <c r="ANM1" s="216" t="s">
        <v>3633</v>
      </c>
      <c r="ANN1" s="216" t="s">
        <v>3633</v>
      </c>
      <c r="ANO1" s="216" t="s">
        <v>3633</v>
      </c>
      <c r="ANP1" s="216" t="s">
        <v>3633</v>
      </c>
      <c r="ANQ1" s="216" t="s">
        <v>3633</v>
      </c>
      <c r="ANR1" s="216" t="s">
        <v>3633</v>
      </c>
      <c r="ANS1" s="216" t="s">
        <v>3633</v>
      </c>
      <c r="ANT1" s="216" t="s">
        <v>3633</v>
      </c>
      <c r="ANU1" s="216" t="s">
        <v>3633</v>
      </c>
      <c r="ANV1" s="216" t="s">
        <v>3633</v>
      </c>
      <c r="ANW1" s="216" t="s">
        <v>3633</v>
      </c>
      <c r="ANX1" s="216" t="s">
        <v>3633</v>
      </c>
      <c r="ANY1" s="216" t="s">
        <v>3633</v>
      </c>
      <c r="ANZ1" s="216" t="s">
        <v>3633</v>
      </c>
      <c r="AOA1" s="216" t="s">
        <v>3633</v>
      </c>
      <c r="AOB1" s="216" t="s">
        <v>3633</v>
      </c>
      <c r="AOC1" s="216" t="s">
        <v>3633</v>
      </c>
      <c r="AOD1" s="216" t="s">
        <v>3633</v>
      </c>
      <c r="AOE1" s="216" t="s">
        <v>3633</v>
      </c>
      <c r="AOF1" s="216" t="s">
        <v>3633</v>
      </c>
      <c r="AOG1" s="216" t="s">
        <v>3633</v>
      </c>
      <c r="AOH1" s="216" t="s">
        <v>3633</v>
      </c>
      <c r="AOI1" s="216" t="s">
        <v>3633</v>
      </c>
      <c r="AOJ1" s="216" t="s">
        <v>3633</v>
      </c>
      <c r="AOK1" s="216" t="s">
        <v>3633</v>
      </c>
      <c r="AOL1" s="216" t="s">
        <v>3633</v>
      </c>
      <c r="AOM1" s="216" t="s">
        <v>3633</v>
      </c>
      <c r="AON1" s="216" t="s">
        <v>3633</v>
      </c>
      <c r="AOO1" s="216" t="s">
        <v>3633</v>
      </c>
      <c r="AOP1" s="216" t="s">
        <v>3633</v>
      </c>
      <c r="AOQ1" s="216" t="s">
        <v>3633</v>
      </c>
      <c r="AOR1" s="216" t="s">
        <v>3633</v>
      </c>
      <c r="AOS1" s="216" t="s">
        <v>3633</v>
      </c>
      <c r="AOT1" s="216" t="s">
        <v>3633</v>
      </c>
      <c r="AOU1" s="216" t="s">
        <v>3633</v>
      </c>
      <c r="AOV1" s="216" t="s">
        <v>3633</v>
      </c>
      <c r="AOW1" s="216" t="s">
        <v>3633</v>
      </c>
      <c r="AOX1" s="216" t="s">
        <v>3633</v>
      </c>
      <c r="AOY1" s="216" t="s">
        <v>3633</v>
      </c>
      <c r="AOZ1" s="216" t="s">
        <v>3633</v>
      </c>
      <c r="APA1" s="216" t="s">
        <v>3633</v>
      </c>
      <c r="APB1" s="216" t="s">
        <v>3633</v>
      </c>
      <c r="APC1" s="216" t="s">
        <v>3633</v>
      </c>
      <c r="APD1" s="216" t="s">
        <v>3633</v>
      </c>
      <c r="APE1" s="216" t="s">
        <v>3633</v>
      </c>
      <c r="APF1" s="216" t="s">
        <v>3633</v>
      </c>
      <c r="APG1" s="216" t="s">
        <v>3633</v>
      </c>
      <c r="APH1" s="216" t="s">
        <v>3633</v>
      </c>
      <c r="API1" s="216" t="s">
        <v>3633</v>
      </c>
      <c r="APJ1" s="216" t="s">
        <v>3633</v>
      </c>
      <c r="APK1" s="216" t="s">
        <v>3633</v>
      </c>
      <c r="APL1" s="216" t="s">
        <v>3633</v>
      </c>
      <c r="APM1" s="216" t="s">
        <v>3633</v>
      </c>
      <c r="APN1" s="216" t="s">
        <v>3633</v>
      </c>
      <c r="APO1" s="216" t="s">
        <v>3633</v>
      </c>
      <c r="APP1" s="216" t="s">
        <v>3633</v>
      </c>
      <c r="APQ1" s="216" t="s">
        <v>3633</v>
      </c>
      <c r="APR1" s="216" t="s">
        <v>3633</v>
      </c>
      <c r="APS1" s="216" t="s">
        <v>3633</v>
      </c>
      <c r="APT1" s="216" t="s">
        <v>3633</v>
      </c>
      <c r="APU1" s="216" t="s">
        <v>3633</v>
      </c>
      <c r="APV1" s="216" t="s">
        <v>3633</v>
      </c>
      <c r="APW1" s="216" t="s">
        <v>3633</v>
      </c>
      <c r="APX1" s="216" t="s">
        <v>3633</v>
      </c>
      <c r="APY1" s="216" t="s">
        <v>3633</v>
      </c>
      <c r="APZ1" s="216" t="s">
        <v>3633</v>
      </c>
      <c r="AQA1" s="216" t="s">
        <v>3633</v>
      </c>
      <c r="AQB1" s="216" t="s">
        <v>3633</v>
      </c>
      <c r="AQC1" s="216" t="s">
        <v>3633</v>
      </c>
      <c r="AQD1" s="216" t="s">
        <v>3633</v>
      </c>
      <c r="AQE1" s="216" t="s">
        <v>3633</v>
      </c>
      <c r="AQF1" s="216" t="s">
        <v>3633</v>
      </c>
      <c r="AQG1" s="216" t="s">
        <v>3633</v>
      </c>
      <c r="AQH1" s="216" t="s">
        <v>3633</v>
      </c>
      <c r="AQI1" s="216" t="s">
        <v>3633</v>
      </c>
      <c r="AQJ1" s="216" t="s">
        <v>3633</v>
      </c>
      <c r="AQK1" s="216" t="s">
        <v>3633</v>
      </c>
      <c r="AQL1" s="216" t="s">
        <v>3633</v>
      </c>
      <c r="AQM1" s="216" t="s">
        <v>3633</v>
      </c>
      <c r="AQN1" s="216" t="s">
        <v>3633</v>
      </c>
      <c r="AQO1" s="216" t="s">
        <v>3633</v>
      </c>
      <c r="AQP1" s="216" t="s">
        <v>3633</v>
      </c>
      <c r="AQQ1" s="216" t="s">
        <v>3633</v>
      </c>
      <c r="AQR1" s="216" t="s">
        <v>3633</v>
      </c>
      <c r="AQS1" s="216" t="s">
        <v>3633</v>
      </c>
      <c r="AQT1" s="216" t="s">
        <v>3633</v>
      </c>
      <c r="AQU1" s="216" t="s">
        <v>3633</v>
      </c>
      <c r="AQV1" s="216" t="s">
        <v>3633</v>
      </c>
      <c r="AQW1" s="216" t="s">
        <v>3633</v>
      </c>
      <c r="AQX1" s="216" t="s">
        <v>3633</v>
      </c>
      <c r="AQY1" s="216" t="s">
        <v>3633</v>
      </c>
      <c r="AQZ1" s="216" t="s">
        <v>3633</v>
      </c>
      <c r="ARA1" s="216" t="s">
        <v>3633</v>
      </c>
      <c r="ARB1" s="216" t="s">
        <v>3633</v>
      </c>
      <c r="ARC1" s="216" t="s">
        <v>3633</v>
      </c>
      <c r="ARD1" s="216" t="s">
        <v>3633</v>
      </c>
      <c r="ARE1" s="216" t="s">
        <v>3633</v>
      </c>
      <c r="ARF1" s="216" t="s">
        <v>3633</v>
      </c>
      <c r="ARG1" s="216" t="s">
        <v>3633</v>
      </c>
      <c r="ARH1" s="216" t="s">
        <v>3633</v>
      </c>
      <c r="ARI1" s="216" t="s">
        <v>3633</v>
      </c>
      <c r="ARJ1" s="216" t="s">
        <v>3633</v>
      </c>
      <c r="ARK1" s="216" t="s">
        <v>3633</v>
      </c>
      <c r="ARL1" s="216" t="s">
        <v>3633</v>
      </c>
      <c r="ARM1" s="216" t="s">
        <v>3633</v>
      </c>
      <c r="ARN1" s="216" t="s">
        <v>3633</v>
      </c>
      <c r="ARO1" s="216" t="s">
        <v>3633</v>
      </c>
      <c r="ARP1" s="216" t="s">
        <v>3633</v>
      </c>
      <c r="ARQ1" s="216" t="s">
        <v>3633</v>
      </c>
      <c r="ARR1" s="216" t="s">
        <v>3633</v>
      </c>
      <c r="ARS1" s="216" t="s">
        <v>3633</v>
      </c>
      <c r="ART1" s="216" t="s">
        <v>3633</v>
      </c>
      <c r="ARU1" s="216" t="s">
        <v>3633</v>
      </c>
      <c r="ARV1" s="216" t="s">
        <v>3633</v>
      </c>
      <c r="ARW1" s="216" t="s">
        <v>3633</v>
      </c>
      <c r="ARX1" s="216" t="s">
        <v>3633</v>
      </c>
      <c r="ARY1" s="216" t="s">
        <v>3633</v>
      </c>
      <c r="ARZ1" s="216" t="s">
        <v>3633</v>
      </c>
      <c r="ASA1" s="216" t="s">
        <v>3633</v>
      </c>
      <c r="ASB1" s="216" t="s">
        <v>3633</v>
      </c>
      <c r="ASC1" s="216" t="s">
        <v>3633</v>
      </c>
      <c r="ASD1" s="216" t="s">
        <v>3633</v>
      </c>
      <c r="ASE1" s="216" t="s">
        <v>3633</v>
      </c>
      <c r="ASF1" s="216" t="s">
        <v>3633</v>
      </c>
      <c r="ASG1" s="216" t="s">
        <v>3633</v>
      </c>
      <c r="ASH1" s="216" t="s">
        <v>3633</v>
      </c>
      <c r="ASI1" s="216" t="s">
        <v>3633</v>
      </c>
      <c r="ASJ1" s="216" t="s">
        <v>3633</v>
      </c>
      <c r="ASK1" s="216" t="s">
        <v>3633</v>
      </c>
      <c r="ASL1" s="216" t="s">
        <v>3633</v>
      </c>
      <c r="ASM1" s="216" t="s">
        <v>3633</v>
      </c>
      <c r="ASN1" s="216" t="s">
        <v>3633</v>
      </c>
      <c r="ASO1" s="216" t="s">
        <v>3633</v>
      </c>
      <c r="ASP1" s="216" t="s">
        <v>3633</v>
      </c>
      <c r="ASQ1" s="216" t="s">
        <v>3633</v>
      </c>
      <c r="ASR1" s="216" t="s">
        <v>3633</v>
      </c>
      <c r="ASS1" s="216" t="s">
        <v>3633</v>
      </c>
      <c r="AST1" s="216" t="s">
        <v>3633</v>
      </c>
      <c r="ASU1" s="216" t="s">
        <v>3633</v>
      </c>
      <c r="ASV1" s="216" t="s">
        <v>3633</v>
      </c>
      <c r="ASW1" s="216" t="s">
        <v>3633</v>
      </c>
      <c r="ASX1" s="216" t="s">
        <v>3633</v>
      </c>
      <c r="ASY1" s="216" t="s">
        <v>3633</v>
      </c>
      <c r="ASZ1" s="216" t="s">
        <v>3633</v>
      </c>
      <c r="ATA1" s="216" t="s">
        <v>3633</v>
      </c>
      <c r="ATB1" s="216" t="s">
        <v>3633</v>
      </c>
      <c r="ATC1" s="216" t="s">
        <v>3633</v>
      </c>
      <c r="ATD1" s="216" t="s">
        <v>3633</v>
      </c>
      <c r="ATE1" s="216" t="s">
        <v>3633</v>
      </c>
      <c r="ATF1" s="216" t="s">
        <v>3633</v>
      </c>
      <c r="ATG1" s="216" t="s">
        <v>3633</v>
      </c>
      <c r="ATH1" s="216" t="s">
        <v>3633</v>
      </c>
      <c r="ATI1" s="216" t="s">
        <v>3633</v>
      </c>
      <c r="ATJ1" s="216" t="s">
        <v>3633</v>
      </c>
      <c r="ATK1" s="216" t="s">
        <v>3633</v>
      </c>
      <c r="ATL1" s="216" t="s">
        <v>3633</v>
      </c>
      <c r="ATM1" s="216" t="s">
        <v>3633</v>
      </c>
      <c r="ATN1" s="216" t="s">
        <v>3633</v>
      </c>
      <c r="ATO1" s="216" t="s">
        <v>3633</v>
      </c>
      <c r="ATP1" s="216" t="s">
        <v>3633</v>
      </c>
      <c r="ATQ1" s="216" t="s">
        <v>3633</v>
      </c>
      <c r="ATR1" s="216" t="s">
        <v>3633</v>
      </c>
      <c r="ATS1" s="216" t="s">
        <v>3633</v>
      </c>
      <c r="ATT1" s="216" t="s">
        <v>3633</v>
      </c>
      <c r="ATU1" s="216" t="s">
        <v>3633</v>
      </c>
      <c r="ATV1" s="216" t="s">
        <v>3633</v>
      </c>
      <c r="ATW1" s="216" t="s">
        <v>3633</v>
      </c>
      <c r="ATX1" s="216" t="s">
        <v>3633</v>
      </c>
      <c r="ATY1" s="216" t="s">
        <v>3633</v>
      </c>
      <c r="ATZ1" s="216" t="s">
        <v>3633</v>
      </c>
      <c r="AUA1" s="216" t="s">
        <v>3633</v>
      </c>
      <c r="AUB1" s="216" t="s">
        <v>3633</v>
      </c>
      <c r="AUC1" s="216" t="s">
        <v>3633</v>
      </c>
      <c r="AUD1" s="216" t="s">
        <v>3633</v>
      </c>
      <c r="AUE1" s="216" t="s">
        <v>3633</v>
      </c>
      <c r="AUF1" s="216" t="s">
        <v>3633</v>
      </c>
      <c r="AUG1" s="216" t="s">
        <v>3633</v>
      </c>
      <c r="AUH1" s="216" t="s">
        <v>3633</v>
      </c>
      <c r="AUI1" s="216" t="s">
        <v>3633</v>
      </c>
      <c r="AUJ1" s="216" t="s">
        <v>3633</v>
      </c>
      <c r="AUK1" s="216" t="s">
        <v>3633</v>
      </c>
      <c r="AUL1" s="216" t="s">
        <v>3633</v>
      </c>
      <c r="AUM1" s="216" t="s">
        <v>3633</v>
      </c>
      <c r="AUN1" s="216" t="s">
        <v>3633</v>
      </c>
      <c r="AUO1" s="216" t="s">
        <v>3633</v>
      </c>
      <c r="AUP1" s="216" t="s">
        <v>3633</v>
      </c>
      <c r="AUQ1" s="216" t="s">
        <v>3633</v>
      </c>
      <c r="AUR1" s="216" t="s">
        <v>3633</v>
      </c>
      <c r="AUS1" s="216" t="s">
        <v>3633</v>
      </c>
      <c r="AUT1" s="216" t="s">
        <v>3633</v>
      </c>
      <c r="AUU1" s="216" t="s">
        <v>3633</v>
      </c>
      <c r="AUV1" s="216" t="s">
        <v>3633</v>
      </c>
      <c r="AUW1" s="216" t="s">
        <v>3633</v>
      </c>
      <c r="AUX1" s="216" t="s">
        <v>3633</v>
      </c>
      <c r="AUY1" s="216" t="s">
        <v>3633</v>
      </c>
      <c r="AUZ1" s="216" t="s">
        <v>3633</v>
      </c>
      <c r="AVA1" s="216" t="s">
        <v>3633</v>
      </c>
      <c r="AVB1" s="216" t="s">
        <v>3633</v>
      </c>
      <c r="AVC1" s="216" t="s">
        <v>3633</v>
      </c>
      <c r="AVD1" s="216" t="s">
        <v>3633</v>
      </c>
      <c r="AVE1" s="216" t="s">
        <v>3633</v>
      </c>
      <c r="AVF1" s="216" t="s">
        <v>3633</v>
      </c>
      <c r="AVG1" s="216" t="s">
        <v>3633</v>
      </c>
      <c r="AVH1" s="216" t="s">
        <v>3633</v>
      </c>
      <c r="AVI1" s="216" t="s">
        <v>3633</v>
      </c>
      <c r="AVJ1" s="216" t="s">
        <v>3633</v>
      </c>
      <c r="AVK1" s="216" t="s">
        <v>3633</v>
      </c>
      <c r="AVL1" s="216" t="s">
        <v>3633</v>
      </c>
      <c r="AVM1" s="216" t="s">
        <v>3633</v>
      </c>
      <c r="AVN1" s="216" t="s">
        <v>3633</v>
      </c>
      <c r="AVO1" s="216" t="s">
        <v>3633</v>
      </c>
      <c r="AVP1" s="216" t="s">
        <v>3633</v>
      </c>
      <c r="AVQ1" s="216" t="s">
        <v>3633</v>
      </c>
      <c r="AVR1" s="216" t="s">
        <v>3633</v>
      </c>
      <c r="AVS1" s="216" t="s">
        <v>3633</v>
      </c>
      <c r="AVT1" s="216" t="s">
        <v>3633</v>
      </c>
      <c r="AVU1" s="216" t="s">
        <v>3633</v>
      </c>
      <c r="AVV1" s="216" t="s">
        <v>3633</v>
      </c>
      <c r="AVW1" s="216" t="s">
        <v>3633</v>
      </c>
      <c r="AVX1" s="216" t="s">
        <v>3633</v>
      </c>
      <c r="AVY1" s="216" t="s">
        <v>3633</v>
      </c>
      <c r="AVZ1" s="216" t="s">
        <v>3633</v>
      </c>
      <c r="AWA1" s="216" t="s">
        <v>3633</v>
      </c>
      <c r="AWB1" s="216" t="s">
        <v>3633</v>
      </c>
      <c r="AWC1" s="216" t="s">
        <v>3633</v>
      </c>
      <c r="AWD1" s="216" t="s">
        <v>3633</v>
      </c>
      <c r="AWE1" s="216" t="s">
        <v>3633</v>
      </c>
      <c r="AWF1" s="216" t="s">
        <v>3633</v>
      </c>
      <c r="AWG1" s="216" t="s">
        <v>3633</v>
      </c>
      <c r="AWH1" s="216" t="s">
        <v>3633</v>
      </c>
      <c r="AWI1" s="216" t="s">
        <v>3633</v>
      </c>
      <c r="AWJ1" s="216" t="s">
        <v>3633</v>
      </c>
      <c r="AWK1" s="216" t="s">
        <v>3633</v>
      </c>
      <c r="AWL1" s="216" t="s">
        <v>3633</v>
      </c>
      <c r="AWM1" s="216" t="s">
        <v>3633</v>
      </c>
      <c r="AWN1" s="216" t="s">
        <v>3633</v>
      </c>
      <c r="AWO1" s="216" t="s">
        <v>3633</v>
      </c>
      <c r="AWP1" s="216" t="s">
        <v>3633</v>
      </c>
      <c r="AWQ1" s="216" t="s">
        <v>3633</v>
      </c>
      <c r="AWR1" s="216" t="s">
        <v>3633</v>
      </c>
      <c r="AWS1" s="216" t="s">
        <v>3633</v>
      </c>
      <c r="AWT1" s="216" t="s">
        <v>3633</v>
      </c>
      <c r="AWU1" s="216" t="s">
        <v>3633</v>
      </c>
      <c r="AWV1" s="216" t="s">
        <v>3633</v>
      </c>
      <c r="AWW1" s="216" t="s">
        <v>3633</v>
      </c>
      <c r="AWX1" s="216" t="s">
        <v>3633</v>
      </c>
      <c r="AWY1" s="216" t="s">
        <v>3633</v>
      </c>
      <c r="AWZ1" s="216" t="s">
        <v>3633</v>
      </c>
      <c r="AXA1" s="216" t="s">
        <v>3633</v>
      </c>
      <c r="AXB1" s="216" t="s">
        <v>3633</v>
      </c>
      <c r="AXC1" s="216" t="s">
        <v>3633</v>
      </c>
      <c r="AXD1" s="216" t="s">
        <v>3633</v>
      </c>
      <c r="AXE1" s="216" t="s">
        <v>3633</v>
      </c>
      <c r="AXF1" s="216" t="s">
        <v>3633</v>
      </c>
      <c r="AXG1" s="216" t="s">
        <v>3633</v>
      </c>
      <c r="AXH1" s="216" t="s">
        <v>3633</v>
      </c>
      <c r="AXI1" s="216" t="s">
        <v>3633</v>
      </c>
      <c r="AXJ1" s="216" t="s">
        <v>3633</v>
      </c>
      <c r="AXK1" s="216" t="s">
        <v>3633</v>
      </c>
      <c r="AXL1" s="216" t="s">
        <v>3633</v>
      </c>
      <c r="AXM1" s="216" t="s">
        <v>3633</v>
      </c>
      <c r="AXN1" s="216" t="s">
        <v>3633</v>
      </c>
      <c r="AXO1" s="216" t="s">
        <v>3633</v>
      </c>
      <c r="AXP1" s="216" t="s">
        <v>3633</v>
      </c>
      <c r="AXQ1" s="216" t="s">
        <v>3633</v>
      </c>
      <c r="AXR1" s="216" t="s">
        <v>3633</v>
      </c>
      <c r="AXS1" s="216" t="s">
        <v>3633</v>
      </c>
      <c r="AXT1" s="216" t="s">
        <v>3633</v>
      </c>
      <c r="AXU1" s="216" t="s">
        <v>3633</v>
      </c>
      <c r="AXV1" s="216" t="s">
        <v>3633</v>
      </c>
      <c r="AXW1" s="216" t="s">
        <v>3633</v>
      </c>
      <c r="AXX1" s="216" t="s">
        <v>3633</v>
      </c>
      <c r="AXY1" s="216" t="s">
        <v>3633</v>
      </c>
      <c r="AXZ1" s="216" t="s">
        <v>3633</v>
      </c>
      <c r="AYA1" s="216" t="s">
        <v>3633</v>
      </c>
      <c r="AYB1" s="216" t="s">
        <v>3633</v>
      </c>
      <c r="AYC1" s="216" t="s">
        <v>3633</v>
      </c>
      <c r="AYD1" s="216" t="s">
        <v>3633</v>
      </c>
      <c r="AYE1" s="216" t="s">
        <v>3633</v>
      </c>
      <c r="AYF1" s="216" t="s">
        <v>3633</v>
      </c>
      <c r="AYG1" s="216" t="s">
        <v>3633</v>
      </c>
      <c r="AYH1" s="216" t="s">
        <v>3633</v>
      </c>
      <c r="AYI1" s="216" t="s">
        <v>3633</v>
      </c>
      <c r="AYJ1" s="216" t="s">
        <v>3633</v>
      </c>
      <c r="AYK1" s="216" t="s">
        <v>3633</v>
      </c>
      <c r="AYL1" s="216" t="s">
        <v>3633</v>
      </c>
      <c r="AYM1" s="216" t="s">
        <v>3633</v>
      </c>
      <c r="AYN1" s="216" t="s">
        <v>3633</v>
      </c>
      <c r="AYO1" s="216" t="s">
        <v>3633</v>
      </c>
      <c r="AYP1" s="216" t="s">
        <v>3633</v>
      </c>
      <c r="AYQ1" s="216" t="s">
        <v>3633</v>
      </c>
      <c r="AYR1" s="216" t="s">
        <v>3633</v>
      </c>
      <c r="AYS1" s="216" t="s">
        <v>3633</v>
      </c>
      <c r="AYT1" s="216" t="s">
        <v>3633</v>
      </c>
      <c r="AYU1" s="216" t="s">
        <v>3633</v>
      </c>
      <c r="AYV1" s="216" t="s">
        <v>3633</v>
      </c>
      <c r="AYW1" s="216" t="s">
        <v>3633</v>
      </c>
      <c r="AYX1" s="216" t="s">
        <v>3633</v>
      </c>
      <c r="AYY1" s="216" t="s">
        <v>3633</v>
      </c>
      <c r="AYZ1" s="216" t="s">
        <v>3633</v>
      </c>
      <c r="AZA1" s="216" t="s">
        <v>3633</v>
      </c>
      <c r="AZB1" s="216" t="s">
        <v>3633</v>
      </c>
      <c r="AZC1" s="216" t="s">
        <v>3633</v>
      </c>
      <c r="AZD1" s="216" t="s">
        <v>3633</v>
      </c>
      <c r="AZE1" s="216" t="s">
        <v>3633</v>
      </c>
      <c r="AZF1" s="216" t="s">
        <v>3633</v>
      </c>
      <c r="AZG1" s="216" t="s">
        <v>3633</v>
      </c>
      <c r="AZH1" s="216" t="s">
        <v>3633</v>
      </c>
      <c r="AZI1" s="216" t="s">
        <v>3633</v>
      </c>
      <c r="AZJ1" s="216" t="s">
        <v>3633</v>
      </c>
      <c r="AZK1" s="216" t="s">
        <v>3633</v>
      </c>
      <c r="AZL1" s="216" t="s">
        <v>3633</v>
      </c>
      <c r="AZM1" s="216" t="s">
        <v>3633</v>
      </c>
      <c r="AZN1" s="216" t="s">
        <v>3633</v>
      </c>
      <c r="AZO1" s="216" t="s">
        <v>3633</v>
      </c>
      <c r="AZP1" s="216" t="s">
        <v>3633</v>
      </c>
      <c r="AZQ1" s="216" t="s">
        <v>3633</v>
      </c>
      <c r="AZR1" s="216" t="s">
        <v>3633</v>
      </c>
      <c r="AZS1" s="216" t="s">
        <v>3633</v>
      </c>
      <c r="AZT1" s="216" t="s">
        <v>3633</v>
      </c>
      <c r="AZU1" s="216" t="s">
        <v>3633</v>
      </c>
      <c r="AZV1" s="216" t="s">
        <v>3633</v>
      </c>
      <c r="AZW1" s="216" t="s">
        <v>3633</v>
      </c>
      <c r="AZX1" s="216" t="s">
        <v>3633</v>
      </c>
      <c r="AZY1" s="216" t="s">
        <v>3633</v>
      </c>
      <c r="AZZ1" s="216" t="s">
        <v>3633</v>
      </c>
      <c r="BAA1" s="216" t="s">
        <v>3633</v>
      </c>
      <c r="BAB1" s="216" t="s">
        <v>3633</v>
      </c>
      <c r="BAC1" s="216" t="s">
        <v>3633</v>
      </c>
      <c r="BAD1" s="216" t="s">
        <v>3633</v>
      </c>
      <c r="BAE1" s="216" t="s">
        <v>3633</v>
      </c>
      <c r="BAF1" s="216" t="s">
        <v>3633</v>
      </c>
      <c r="BAG1" s="216" t="s">
        <v>3633</v>
      </c>
      <c r="BAH1" s="216" t="s">
        <v>3633</v>
      </c>
      <c r="BAI1" s="216" t="s">
        <v>3633</v>
      </c>
      <c r="BAJ1" s="216" t="s">
        <v>3633</v>
      </c>
      <c r="BAK1" s="216" t="s">
        <v>3633</v>
      </c>
      <c r="BAL1" s="216" t="s">
        <v>3633</v>
      </c>
      <c r="BAM1" s="216" t="s">
        <v>3633</v>
      </c>
      <c r="BAN1" s="216" t="s">
        <v>3633</v>
      </c>
      <c r="BAO1" s="216" t="s">
        <v>3633</v>
      </c>
      <c r="BAP1" s="216" t="s">
        <v>3633</v>
      </c>
      <c r="BAQ1" s="216" t="s">
        <v>3633</v>
      </c>
      <c r="BAR1" s="216" t="s">
        <v>3633</v>
      </c>
      <c r="BAS1" s="216" t="s">
        <v>3633</v>
      </c>
      <c r="BAT1" s="216" t="s">
        <v>3633</v>
      </c>
      <c r="BAU1" s="216" t="s">
        <v>3633</v>
      </c>
      <c r="BAV1" s="216" t="s">
        <v>3633</v>
      </c>
      <c r="BAW1" s="216" t="s">
        <v>3633</v>
      </c>
      <c r="BAX1" s="216" t="s">
        <v>3633</v>
      </c>
      <c r="BAY1" s="216" t="s">
        <v>3633</v>
      </c>
      <c r="BAZ1" s="216" t="s">
        <v>3633</v>
      </c>
      <c r="BBA1" s="216" t="s">
        <v>3633</v>
      </c>
      <c r="BBB1" s="216" t="s">
        <v>3633</v>
      </c>
      <c r="BBC1" s="216" t="s">
        <v>3633</v>
      </c>
      <c r="BBD1" s="216" t="s">
        <v>3633</v>
      </c>
      <c r="BBE1" s="216" t="s">
        <v>3633</v>
      </c>
      <c r="BBF1" s="216" t="s">
        <v>3633</v>
      </c>
      <c r="BBG1" s="216" t="s">
        <v>3633</v>
      </c>
      <c r="BBH1" s="216" t="s">
        <v>3633</v>
      </c>
      <c r="BBI1" s="216" t="s">
        <v>3633</v>
      </c>
      <c r="BBJ1" s="216" t="s">
        <v>3633</v>
      </c>
      <c r="BBK1" s="216" t="s">
        <v>3633</v>
      </c>
      <c r="BBL1" s="216" t="s">
        <v>3633</v>
      </c>
      <c r="BBM1" s="216" t="s">
        <v>3633</v>
      </c>
      <c r="BBN1" s="216" t="s">
        <v>3633</v>
      </c>
      <c r="BBO1" s="216" t="s">
        <v>3633</v>
      </c>
      <c r="BBP1" s="216" t="s">
        <v>3633</v>
      </c>
      <c r="BBQ1" s="216" t="s">
        <v>3633</v>
      </c>
      <c r="BBR1" s="216" t="s">
        <v>3633</v>
      </c>
      <c r="BBS1" s="216" t="s">
        <v>3633</v>
      </c>
      <c r="BBT1" s="216" t="s">
        <v>3633</v>
      </c>
      <c r="BBU1" s="216" t="s">
        <v>3633</v>
      </c>
      <c r="BBV1" s="216" t="s">
        <v>3633</v>
      </c>
      <c r="BBW1" s="216" t="s">
        <v>3633</v>
      </c>
      <c r="BBX1" s="216" t="s">
        <v>3633</v>
      </c>
      <c r="BBY1" s="216" t="s">
        <v>3633</v>
      </c>
      <c r="BBZ1" s="216" t="s">
        <v>3633</v>
      </c>
      <c r="BCA1" s="216" t="s">
        <v>3633</v>
      </c>
      <c r="BCB1" s="216" t="s">
        <v>3633</v>
      </c>
      <c r="BCC1" s="216" t="s">
        <v>3633</v>
      </c>
      <c r="BCD1" s="216" t="s">
        <v>3633</v>
      </c>
      <c r="BCE1" s="216" t="s">
        <v>3633</v>
      </c>
      <c r="BCF1" s="216" t="s">
        <v>3633</v>
      </c>
      <c r="BCG1" s="216" t="s">
        <v>3633</v>
      </c>
      <c r="BCH1" s="216" t="s">
        <v>3633</v>
      </c>
      <c r="BCI1" s="216" t="s">
        <v>3633</v>
      </c>
      <c r="BCJ1" s="216" t="s">
        <v>3633</v>
      </c>
      <c r="BCK1" s="216" t="s">
        <v>3633</v>
      </c>
      <c r="BCL1" s="216" t="s">
        <v>3633</v>
      </c>
      <c r="BCM1" s="216" t="s">
        <v>3633</v>
      </c>
      <c r="BCN1" s="216" t="s">
        <v>3633</v>
      </c>
      <c r="BCO1" s="216" t="s">
        <v>3633</v>
      </c>
      <c r="BCP1" s="216" t="s">
        <v>3633</v>
      </c>
      <c r="BCQ1" s="216" t="s">
        <v>3633</v>
      </c>
      <c r="BCR1" s="216" t="s">
        <v>3633</v>
      </c>
      <c r="BCS1" s="216" t="s">
        <v>3633</v>
      </c>
      <c r="BCT1" s="216" t="s">
        <v>3633</v>
      </c>
      <c r="BCU1" s="216" t="s">
        <v>3633</v>
      </c>
      <c r="BCV1" s="216" t="s">
        <v>3633</v>
      </c>
      <c r="BCW1" s="216" t="s">
        <v>3633</v>
      </c>
      <c r="BCX1" s="216" t="s">
        <v>3633</v>
      </c>
      <c r="BCY1" s="216" t="s">
        <v>3633</v>
      </c>
      <c r="BCZ1" s="216" t="s">
        <v>3633</v>
      </c>
      <c r="BDA1" s="216" t="s">
        <v>3633</v>
      </c>
      <c r="BDB1" s="216" t="s">
        <v>3633</v>
      </c>
      <c r="BDC1" s="216" t="s">
        <v>3633</v>
      </c>
      <c r="BDD1" s="216" t="s">
        <v>3633</v>
      </c>
      <c r="BDE1" s="216" t="s">
        <v>3633</v>
      </c>
      <c r="BDF1" s="216" t="s">
        <v>3633</v>
      </c>
      <c r="BDG1" s="216" t="s">
        <v>3633</v>
      </c>
      <c r="BDH1" s="216" t="s">
        <v>3633</v>
      </c>
      <c r="BDI1" s="216" t="s">
        <v>3633</v>
      </c>
      <c r="BDJ1" s="216" t="s">
        <v>3633</v>
      </c>
      <c r="BDK1" s="216" t="s">
        <v>3633</v>
      </c>
      <c r="BDL1" s="216" t="s">
        <v>3633</v>
      </c>
      <c r="BDM1" s="216" t="s">
        <v>3633</v>
      </c>
      <c r="BDN1" s="216" t="s">
        <v>3633</v>
      </c>
      <c r="BDO1" s="216" t="s">
        <v>3633</v>
      </c>
      <c r="BDP1" s="216" t="s">
        <v>3633</v>
      </c>
      <c r="BDQ1" s="216" t="s">
        <v>3633</v>
      </c>
      <c r="BDR1" s="216" t="s">
        <v>3633</v>
      </c>
      <c r="BDS1" s="216" t="s">
        <v>3633</v>
      </c>
      <c r="BDT1" s="216" t="s">
        <v>3633</v>
      </c>
      <c r="BDU1" s="216" t="s">
        <v>3633</v>
      </c>
      <c r="BDV1" s="216" t="s">
        <v>3633</v>
      </c>
      <c r="BDW1" s="216" t="s">
        <v>3633</v>
      </c>
      <c r="BDX1" s="216" t="s">
        <v>3633</v>
      </c>
      <c r="BDY1" s="216" t="s">
        <v>3633</v>
      </c>
      <c r="BDZ1" s="216" t="s">
        <v>3633</v>
      </c>
      <c r="BEA1" s="216" t="s">
        <v>3633</v>
      </c>
      <c r="BEB1" s="216" t="s">
        <v>3633</v>
      </c>
      <c r="BEC1" s="216" t="s">
        <v>3633</v>
      </c>
      <c r="BED1" s="216" t="s">
        <v>3633</v>
      </c>
      <c r="BEE1" s="216" t="s">
        <v>3633</v>
      </c>
      <c r="BEF1" s="216" t="s">
        <v>3633</v>
      </c>
      <c r="BEG1" s="216" t="s">
        <v>3633</v>
      </c>
      <c r="BEH1" s="216" t="s">
        <v>3633</v>
      </c>
      <c r="BEI1" s="216" t="s">
        <v>3633</v>
      </c>
      <c r="BEJ1" s="216" t="s">
        <v>3633</v>
      </c>
      <c r="BEK1" s="216" t="s">
        <v>3633</v>
      </c>
      <c r="BEL1" s="216" t="s">
        <v>3633</v>
      </c>
      <c r="BEM1" s="216" t="s">
        <v>3633</v>
      </c>
      <c r="BEN1" s="216" t="s">
        <v>3633</v>
      </c>
      <c r="BEO1" s="216" t="s">
        <v>3633</v>
      </c>
      <c r="BEP1" s="216" t="s">
        <v>3633</v>
      </c>
      <c r="BEQ1" s="216" t="s">
        <v>3633</v>
      </c>
      <c r="BER1" s="216" t="s">
        <v>3633</v>
      </c>
      <c r="BES1" s="216" t="s">
        <v>3633</v>
      </c>
      <c r="BET1" s="216" t="s">
        <v>3633</v>
      </c>
      <c r="BEU1" s="216" t="s">
        <v>3633</v>
      </c>
      <c r="BEV1" s="216" t="s">
        <v>3633</v>
      </c>
      <c r="BEW1" s="216" t="s">
        <v>3633</v>
      </c>
      <c r="BEX1" s="216" t="s">
        <v>3633</v>
      </c>
      <c r="BEY1" s="216" t="s">
        <v>3633</v>
      </c>
      <c r="BEZ1" s="216" t="s">
        <v>3633</v>
      </c>
      <c r="BFA1" s="216" t="s">
        <v>3633</v>
      </c>
      <c r="BFB1" s="216" t="s">
        <v>3633</v>
      </c>
      <c r="BFC1" s="216" t="s">
        <v>3633</v>
      </c>
      <c r="BFD1" s="216" t="s">
        <v>3633</v>
      </c>
      <c r="BFE1" s="216" t="s">
        <v>3633</v>
      </c>
      <c r="BFF1" s="216" t="s">
        <v>3633</v>
      </c>
      <c r="BFG1" s="216" t="s">
        <v>3633</v>
      </c>
      <c r="BFH1" s="216" t="s">
        <v>3633</v>
      </c>
      <c r="BFI1" s="216" t="s">
        <v>3633</v>
      </c>
      <c r="BFJ1" s="216" t="s">
        <v>3633</v>
      </c>
      <c r="BFK1" s="216" t="s">
        <v>3633</v>
      </c>
      <c r="BFL1" s="216" t="s">
        <v>3633</v>
      </c>
      <c r="BFM1" s="216" t="s">
        <v>3633</v>
      </c>
      <c r="BFN1" s="216" t="s">
        <v>3633</v>
      </c>
      <c r="BFO1" s="216" t="s">
        <v>3633</v>
      </c>
      <c r="BFP1" s="216" t="s">
        <v>3633</v>
      </c>
      <c r="BFQ1" s="216" t="s">
        <v>3633</v>
      </c>
      <c r="BFR1" s="216" t="s">
        <v>3633</v>
      </c>
      <c r="BFS1" s="216" t="s">
        <v>3633</v>
      </c>
      <c r="BFT1" s="216" t="s">
        <v>3633</v>
      </c>
      <c r="BFU1" s="216" t="s">
        <v>3633</v>
      </c>
      <c r="BFV1" s="216" t="s">
        <v>3633</v>
      </c>
      <c r="BFW1" s="216" t="s">
        <v>3633</v>
      </c>
      <c r="BFX1" s="216" t="s">
        <v>3633</v>
      </c>
      <c r="BFY1" s="216" t="s">
        <v>3633</v>
      </c>
      <c r="BFZ1" s="216" t="s">
        <v>3633</v>
      </c>
      <c r="BGA1" s="216" t="s">
        <v>3633</v>
      </c>
      <c r="BGB1" s="216" t="s">
        <v>3633</v>
      </c>
      <c r="BGC1" s="216" t="s">
        <v>3633</v>
      </c>
      <c r="BGD1" s="216" t="s">
        <v>3633</v>
      </c>
      <c r="BGE1" s="216" t="s">
        <v>3633</v>
      </c>
      <c r="BGF1" s="216" t="s">
        <v>3633</v>
      </c>
      <c r="BGG1" s="216" t="s">
        <v>3633</v>
      </c>
      <c r="BGH1" s="216" t="s">
        <v>3633</v>
      </c>
      <c r="BGI1" s="216" t="s">
        <v>3633</v>
      </c>
      <c r="BGJ1" s="216" t="s">
        <v>3633</v>
      </c>
      <c r="BGK1" s="216" t="s">
        <v>3633</v>
      </c>
      <c r="BGL1" s="216" t="s">
        <v>3633</v>
      </c>
      <c r="BGM1" s="216" t="s">
        <v>3633</v>
      </c>
      <c r="BGN1" s="216" t="s">
        <v>3633</v>
      </c>
      <c r="BGO1" s="216" t="s">
        <v>3633</v>
      </c>
      <c r="BGP1" s="216" t="s">
        <v>3633</v>
      </c>
      <c r="BGQ1" s="216" t="s">
        <v>3633</v>
      </c>
      <c r="BGR1" s="216" t="s">
        <v>3633</v>
      </c>
      <c r="BGS1" s="216" t="s">
        <v>3633</v>
      </c>
      <c r="BGT1" s="216" t="s">
        <v>3633</v>
      </c>
      <c r="BGU1" s="216" t="s">
        <v>3633</v>
      </c>
      <c r="BGV1" s="216" t="s">
        <v>3633</v>
      </c>
      <c r="BGW1" s="216" t="s">
        <v>3633</v>
      </c>
      <c r="BGX1" s="216" t="s">
        <v>3633</v>
      </c>
      <c r="BGY1" s="216" t="s">
        <v>3633</v>
      </c>
      <c r="BGZ1" s="216" t="s">
        <v>3633</v>
      </c>
      <c r="BHA1" s="216" t="s">
        <v>3633</v>
      </c>
      <c r="BHB1" s="216" t="s">
        <v>3633</v>
      </c>
      <c r="BHC1" s="216" t="s">
        <v>3633</v>
      </c>
      <c r="BHD1" s="216" t="s">
        <v>3633</v>
      </c>
      <c r="BHE1" s="216" t="s">
        <v>3633</v>
      </c>
      <c r="BHF1" s="216" t="s">
        <v>3633</v>
      </c>
      <c r="BHG1" s="216" t="s">
        <v>3633</v>
      </c>
      <c r="BHH1" s="216" t="s">
        <v>3633</v>
      </c>
      <c r="BHI1" s="216" t="s">
        <v>3633</v>
      </c>
      <c r="BHJ1" s="216" t="s">
        <v>3633</v>
      </c>
      <c r="BHK1" s="216" t="s">
        <v>3633</v>
      </c>
      <c r="BHL1" s="216" t="s">
        <v>3633</v>
      </c>
      <c r="BHM1" s="216" t="s">
        <v>3633</v>
      </c>
      <c r="BHN1" s="216" t="s">
        <v>3633</v>
      </c>
      <c r="BHO1" s="216" t="s">
        <v>3633</v>
      </c>
      <c r="BHP1" s="216" t="s">
        <v>3633</v>
      </c>
      <c r="BHQ1" s="216" t="s">
        <v>3633</v>
      </c>
      <c r="BHR1" s="216" t="s">
        <v>3633</v>
      </c>
      <c r="BHS1" s="216" t="s">
        <v>3633</v>
      </c>
      <c r="BHT1" s="216" t="s">
        <v>3633</v>
      </c>
      <c r="BHU1" s="216" t="s">
        <v>3633</v>
      </c>
      <c r="BHV1" s="216" t="s">
        <v>3633</v>
      </c>
      <c r="BHW1" s="216" t="s">
        <v>3633</v>
      </c>
      <c r="BHX1" s="216" t="s">
        <v>3633</v>
      </c>
      <c r="BHY1" s="216" t="s">
        <v>3633</v>
      </c>
      <c r="BHZ1" s="216" t="s">
        <v>3633</v>
      </c>
      <c r="BIA1" s="216" t="s">
        <v>3633</v>
      </c>
      <c r="BIB1" s="216" t="s">
        <v>3633</v>
      </c>
      <c r="BIC1" s="216" t="s">
        <v>3633</v>
      </c>
      <c r="BID1" s="216" t="s">
        <v>3633</v>
      </c>
      <c r="BIE1" s="216" t="s">
        <v>3633</v>
      </c>
      <c r="BIF1" s="216" t="s">
        <v>3633</v>
      </c>
      <c r="BIG1" s="216" t="s">
        <v>3633</v>
      </c>
      <c r="BIH1" s="216" t="s">
        <v>3633</v>
      </c>
      <c r="BII1" s="216" t="s">
        <v>3633</v>
      </c>
      <c r="BIJ1" s="216" t="s">
        <v>3633</v>
      </c>
      <c r="BIK1" s="216" t="s">
        <v>3633</v>
      </c>
      <c r="BIL1" s="216" t="s">
        <v>3633</v>
      </c>
      <c r="BIM1" s="216" t="s">
        <v>3633</v>
      </c>
      <c r="BIN1" s="216" t="s">
        <v>3633</v>
      </c>
      <c r="BIO1" s="216" t="s">
        <v>3633</v>
      </c>
      <c r="BIP1" s="216" t="s">
        <v>3633</v>
      </c>
      <c r="BIQ1" s="216" t="s">
        <v>3633</v>
      </c>
      <c r="BIR1" s="216" t="s">
        <v>3633</v>
      </c>
      <c r="BIS1" s="216" t="s">
        <v>3633</v>
      </c>
      <c r="BIT1" s="216" t="s">
        <v>3633</v>
      </c>
      <c r="BIU1" s="216" t="s">
        <v>3633</v>
      </c>
      <c r="BIV1" s="216" t="s">
        <v>3633</v>
      </c>
      <c r="BIW1" s="216" t="s">
        <v>3633</v>
      </c>
      <c r="BIX1" s="216" t="s">
        <v>3633</v>
      </c>
      <c r="BIY1" s="216" t="s">
        <v>3633</v>
      </c>
      <c r="BIZ1" s="216" t="s">
        <v>3633</v>
      </c>
      <c r="BJA1" s="216" t="s">
        <v>3633</v>
      </c>
      <c r="BJB1" s="216" t="s">
        <v>3633</v>
      </c>
      <c r="BJC1" s="216" t="s">
        <v>3633</v>
      </c>
      <c r="BJD1" s="216" t="s">
        <v>3633</v>
      </c>
      <c r="BJE1" s="216" t="s">
        <v>3633</v>
      </c>
      <c r="BJF1" s="216" t="s">
        <v>3633</v>
      </c>
      <c r="BJG1" s="216" t="s">
        <v>3633</v>
      </c>
      <c r="BJH1" s="216" t="s">
        <v>3633</v>
      </c>
      <c r="BJI1" s="216" t="s">
        <v>3633</v>
      </c>
      <c r="BJJ1" s="216" t="s">
        <v>3633</v>
      </c>
      <c r="BJK1" s="216" t="s">
        <v>3633</v>
      </c>
      <c r="BJL1" s="216" t="s">
        <v>3633</v>
      </c>
      <c r="BJM1" s="216" t="s">
        <v>3633</v>
      </c>
      <c r="BJN1" s="216" t="s">
        <v>3633</v>
      </c>
      <c r="BJO1" s="216" t="s">
        <v>3633</v>
      </c>
      <c r="BJP1" s="216" t="s">
        <v>3633</v>
      </c>
      <c r="BJQ1" s="216" t="s">
        <v>3633</v>
      </c>
      <c r="BJR1" s="216" t="s">
        <v>3633</v>
      </c>
      <c r="BJS1" s="216" t="s">
        <v>3633</v>
      </c>
      <c r="BJT1" s="216" t="s">
        <v>3633</v>
      </c>
      <c r="BJU1" s="216" t="s">
        <v>3633</v>
      </c>
      <c r="BJV1" s="216" t="s">
        <v>3633</v>
      </c>
      <c r="BJW1" s="216" t="s">
        <v>3633</v>
      </c>
      <c r="BJX1" s="216" t="s">
        <v>3633</v>
      </c>
      <c r="BJY1" s="216" t="s">
        <v>3633</v>
      </c>
      <c r="BJZ1" s="216" t="s">
        <v>3633</v>
      </c>
      <c r="BKA1" s="216" t="s">
        <v>3633</v>
      </c>
      <c r="BKB1" s="216" t="s">
        <v>3633</v>
      </c>
      <c r="BKC1" s="216" t="s">
        <v>3633</v>
      </c>
      <c r="BKD1" s="216" t="s">
        <v>3633</v>
      </c>
      <c r="BKE1" s="216" t="s">
        <v>3633</v>
      </c>
      <c r="BKF1" s="216" t="s">
        <v>3633</v>
      </c>
      <c r="BKG1" s="216" t="s">
        <v>3633</v>
      </c>
      <c r="BKH1" s="216" t="s">
        <v>3633</v>
      </c>
      <c r="BKI1" s="216" t="s">
        <v>3633</v>
      </c>
      <c r="BKJ1" s="216" t="s">
        <v>3633</v>
      </c>
      <c r="BKK1" s="216" t="s">
        <v>3633</v>
      </c>
      <c r="BKL1" s="216" t="s">
        <v>3633</v>
      </c>
      <c r="BKM1" s="216" t="s">
        <v>3633</v>
      </c>
      <c r="BKN1" s="216" t="s">
        <v>3633</v>
      </c>
      <c r="BKO1" s="216" t="s">
        <v>3633</v>
      </c>
      <c r="BKP1" s="216" t="s">
        <v>3633</v>
      </c>
      <c r="BKQ1" s="216" t="s">
        <v>3633</v>
      </c>
      <c r="BKR1" s="216" t="s">
        <v>3633</v>
      </c>
      <c r="BKS1" s="216" t="s">
        <v>3633</v>
      </c>
      <c r="BKT1" s="216" t="s">
        <v>3633</v>
      </c>
      <c r="BKU1" s="216" t="s">
        <v>3633</v>
      </c>
      <c r="BKV1" s="216" t="s">
        <v>3633</v>
      </c>
      <c r="BKW1" s="216" t="s">
        <v>3633</v>
      </c>
      <c r="BKX1" s="216" t="s">
        <v>3633</v>
      </c>
      <c r="BKY1" s="216" t="s">
        <v>3633</v>
      </c>
      <c r="BKZ1" s="216" t="s">
        <v>3633</v>
      </c>
      <c r="BLA1" s="216" t="s">
        <v>3633</v>
      </c>
      <c r="BLB1" s="216" t="s">
        <v>3633</v>
      </c>
      <c r="BLC1" s="216" t="s">
        <v>3633</v>
      </c>
      <c r="BLD1" s="216" t="s">
        <v>3633</v>
      </c>
      <c r="BLE1" s="216" t="s">
        <v>3633</v>
      </c>
      <c r="BLF1" s="216" t="s">
        <v>3633</v>
      </c>
      <c r="BLG1" s="216" t="s">
        <v>3633</v>
      </c>
      <c r="BLH1" s="216" t="s">
        <v>3633</v>
      </c>
      <c r="BLI1" s="216" t="s">
        <v>3633</v>
      </c>
      <c r="BLJ1" s="216" t="s">
        <v>3633</v>
      </c>
      <c r="BLK1" s="216" t="s">
        <v>3633</v>
      </c>
      <c r="BLL1" s="216" t="s">
        <v>3633</v>
      </c>
      <c r="BLM1" s="216" t="s">
        <v>3633</v>
      </c>
      <c r="BLN1" s="216" t="s">
        <v>3633</v>
      </c>
      <c r="BLO1" s="216" t="s">
        <v>3633</v>
      </c>
      <c r="BLP1" s="216" t="s">
        <v>3633</v>
      </c>
      <c r="BLQ1" s="216" t="s">
        <v>3633</v>
      </c>
      <c r="BLR1" s="216" t="s">
        <v>3633</v>
      </c>
      <c r="BLS1" s="216" t="s">
        <v>3633</v>
      </c>
      <c r="BLT1" s="216" t="s">
        <v>3633</v>
      </c>
      <c r="BLU1" s="216" t="s">
        <v>3633</v>
      </c>
      <c r="BLV1" s="216" t="s">
        <v>3633</v>
      </c>
      <c r="BLW1" s="216" t="s">
        <v>3633</v>
      </c>
      <c r="BLX1" s="216" t="s">
        <v>3633</v>
      </c>
      <c r="BLY1" s="216" t="s">
        <v>3633</v>
      </c>
      <c r="BLZ1" s="216" t="s">
        <v>3633</v>
      </c>
      <c r="BMA1" s="216" t="s">
        <v>3633</v>
      </c>
      <c r="BMB1" s="216" t="s">
        <v>3633</v>
      </c>
      <c r="BMC1" s="216" t="s">
        <v>3633</v>
      </c>
      <c r="BMD1" s="216" t="s">
        <v>3633</v>
      </c>
      <c r="BME1" s="216" t="s">
        <v>3633</v>
      </c>
      <c r="BMF1" s="216" t="s">
        <v>3633</v>
      </c>
      <c r="BMG1" s="216" t="s">
        <v>3633</v>
      </c>
      <c r="BMH1" s="216" t="s">
        <v>3633</v>
      </c>
      <c r="BMI1" s="216" t="s">
        <v>3633</v>
      </c>
      <c r="BMJ1" s="216" t="s">
        <v>3633</v>
      </c>
      <c r="BMK1" s="216" t="s">
        <v>3633</v>
      </c>
      <c r="BML1" s="216" t="s">
        <v>3633</v>
      </c>
      <c r="BMM1" s="216" t="s">
        <v>3633</v>
      </c>
      <c r="BMN1" s="216" t="s">
        <v>3633</v>
      </c>
      <c r="BMO1" s="216" t="s">
        <v>3633</v>
      </c>
      <c r="BMP1" s="216" t="s">
        <v>3633</v>
      </c>
      <c r="BMQ1" s="216" t="s">
        <v>3633</v>
      </c>
      <c r="BMR1" s="216" t="s">
        <v>3633</v>
      </c>
      <c r="BMS1" s="216" t="s">
        <v>3633</v>
      </c>
      <c r="BMT1" s="216" t="s">
        <v>3633</v>
      </c>
      <c r="BMU1" s="216" t="s">
        <v>3633</v>
      </c>
      <c r="BMV1" s="216" t="s">
        <v>3633</v>
      </c>
      <c r="BMW1" s="216" t="s">
        <v>3633</v>
      </c>
      <c r="BMX1" s="216" t="s">
        <v>3633</v>
      </c>
      <c r="BMY1" s="216" t="s">
        <v>3633</v>
      </c>
      <c r="BMZ1" s="216" t="s">
        <v>3633</v>
      </c>
      <c r="BNA1" s="216" t="s">
        <v>3633</v>
      </c>
      <c r="BNB1" s="216" t="s">
        <v>3633</v>
      </c>
      <c r="BNC1" s="216" t="s">
        <v>3633</v>
      </c>
      <c r="BND1" s="216" t="s">
        <v>3633</v>
      </c>
      <c r="BNE1" s="216" t="s">
        <v>3633</v>
      </c>
      <c r="BNF1" s="216" t="s">
        <v>3633</v>
      </c>
      <c r="BNG1" s="216" t="s">
        <v>3633</v>
      </c>
      <c r="BNH1" s="216" t="s">
        <v>3633</v>
      </c>
      <c r="BNI1" s="216" t="s">
        <v>3633</v>
      </c>
      <c r="BNJ1" s="216" t="s">
        <v>3633</v>
      </c>
      <c r="BNK1" s="216" t="s">
        <v>3633</v>
      </c>
      <c r="BNL1" s="216" t="s">
        <v>3633</v>
      </c>
      <c r="BNM1" s="216" t="s">
        <v>3633</v>
      </c>
      <c r="BNN1" s="216" t="s">
        <v>3633</v>
      </c>
      <c r="BNO1" s="216" t="s">
        <v>3633</v>
      </c>
      <c r="BNP1" s="216" t="s">
        <v>3633</v>
      </c>
      <c r="BNQ1" s="216" t="s">
        <v>3633</v>
      </c>
      <c r="BNR1" s="216" t="s">
        <v>3633</v>
      </c>
      <c r="BNS1" s="216" t="s">
        <v>3633</v>
      </c>
      <c r="BNT1" s="216" t="s">
        <v>3633</v>
      </c>
      <c r="BNU1" s="216" t="s">
        <v>3633</v>
      </c>
      <c r="BNV1" s="216" t="s">
        <v>3633</v>
      </c>
      <c r="BNW1" s="216" t="s">
        <v>3633</v>
      </c>
      <c r="BNX1" s="216" t="s">
        <v>3633</v>
      </c>
      <c r="BNY1" s="216" t="s">
        <v>3633</v>
      </c>
      <c r="BNZ1" s="216" t="s">
        <v>3633</v>
      </c>
      <c r="BOA1" s="216" t="s">
        <v>3633</v>
      </c>
      <c r="BOB1" s="216" t="s">
        <v>3633</v>
      </c>
      <c r="BOC1" s="216" t="s">
        <v>3633</v>
      </c>
      <c r="BOD1" s="216" t="s">
        <v>3633</v>
      </c>
      <c r="BOE1" s="216" t="s">
        <v>3633</v>
      </c>
      <c r="BOF1" s="216" t="s">
        <v>3633</v>
      </c>
      <c r="BOG1" s="216" t="s">
        <v>3633</v>
      </c>
      <c r="BOH1" s="216" t="s">
        <v>3633</v>
      </c>
      <c r="BOI1" s="216" t="s">
        <v>3633</v>
      </c>
      <c r="BOJ1" s="216" t="s">
        <v>3633</v>
      </c>
      <c r="BOK1" s="216" t="s">
        <v>3633</v>
      </c>
      <c r="BOL1" s="216" t="s">
        <v>3633</v>
      </c>
      <c r="BOM1" s="216" t="s">
        <v>3633</v>
      </c>
      <c r="BON1" s="216" t="s">
        <v>3633</v>
      </c>
      <c r="BOO1" s="216" t="s">
        <v>3633</v>
      </c>
      <c r="BOP1" s="216" t="s">
        <v>3633</v>
      </c>
      <c r="BOQ1" s="216" t="s">
        <v>3633</v>
      </c>
      <c r="BOR1" s="216" t="s">
        <v>3633</v>
      </c>
      <c r="BOS1" s="216" t="s">
        <v>3633</v>
      </c>
      <c r="BOT1" s="216" t="s">
        <v>3633</v>
      </c>
      <c r="BOU1" s="216" t="s">
        <v>3633</v>
      </c>
      <c r="BOV1" s="216" t="s">
        <v>3633</v>
      </c>
      <c r="BOW1" s="216" t="s">
        <v>3633</v>
      </c>
      <c r="BOX1" s="216" t="s">
        <v>3633</v>
      </c>
      <c r="BOY1" s="216" t="s">
        <v>3633</v>
      </c>
      <c r="BOZ1" s="216" t="s">
        <v>3633</v>
      </c>
      <c r="BPA1" s="216" t="s">
        <v>3633</v>
      </c>
      <c r="BPB1" s="216" t="s">
        <v>3633</v>
      </c>
      <c r="BPC1" s="216" t="s">
        <v>3633</v>
      </c>
      <c r="BPD1" s="216" t="s">
        <v>3633</v>
      </c>
      <c r="BPE1" s="216" t="s">
        <v>3633</v>
      </c>
      <c r="BPF1" s="216" t="s">
        <v>3633</v>
      </c>
      <c r="BPG1" s="216" t="s">
        <v>3633</v>
      </c>
      <c r="BPH1" s="216" t="s">
        <v>3633</v>
      </c>
      <c r="BPI1" s="216" t="s">
        <v>3633</v>
      </c>
      <c r="BPJ1" s="216" t="s">
        <v>3633</v>
      </c>
      <c r="BPK1" s="216" t="s">
        <v>3633</v>
      </c>
      <c r="BPL1" s="216" t="s">
        <v>3633</v>
      </c>
      <c r="BPM1" s="216" t="s">
        <v>3633</v>
      </c>
      <c r="BPN1" s="216" t="s">
        <v>3633</v>
      </c>
      <c r="BPO1" s="216" t="s">
        <v>3633</v>
      </c>
      <c r="BPP1" s="216" t="s">
        <v>3633</v>
      </c>
      <c r="BPQ1" s="216" t="s">
        <v>3633</v>
      </c>
      <c r="BPR1" s="216" t="s">
        <v>3633</v>
      </c>
      <c r="BPS1" s="216" t="s">
        <v>3633</v>
      </c>
      <c r="BPT1" s="216" t="s">
        <v>3633</v>
      </c>
      <c r="BPU1" s="216" t="s">
        <v>3633</v>
      </c>
      <c r="BPV1" s="216" t="s">
        <v>3633</v>
      </c>
      <c r="BPW1" s="216" t="s">
        <v>3633</v>
      </c>
      <c r="BPX1" s="216" t="s">
        <v>3633</v>
      </c>
      <c r="BPY1" s="216" t="s">
        <v>3633</v>
      </c>
      <c r="BPZ1" s="216" t="s">
        <v>3633</v>
      </c>
      <c r="BQA1" s="216" t="s">
        <v>3633</v>
      </c>
      <c r="BQB1" s="216" t="s">
        <v>3633</v>
      </c>
      <c r="BQC1" s="216" t="s">
        <v>3633</v>
      </c>
      <c r="BQD1" s="216" t="s">
        <v>3633</v>
      </c>
      <c r="BQE1" s="216" t="s">
        <v>3633</v>
      </c>
      <c r="BQF1" s="216" t="s">
        <v>3633</v>
      </c>
      <c r="BQG1" s="216" t="s">
        <v>3633</v>
      </c>
      <c r="BQH1" s="216" t="s">
        <v>3633</v>
      </c>
      <c r="BQI1" s="216" t="s">
        <v>3633</v>
      </c>
      <c r="BQJ1" s="216" t="s">
        <v>3633</v>
      </c>
      <c r="BQK1" s="216" t="s">
        <v>3633</v>
      </c>
      <c r="BQL1" s="216" t="s">
        <v>3633</v>
      </c>
      <c r="BQM1" s="216" t="s">
        <v>3633</v>
      </c>
      <c r="BQN1" s="216" t="s">
        <v>3633</v>
      </c>
      <c r="BQO1" s="216" t="s">
        <v>3633</v>
      </c>
      <c r="BQP1" s="216" t="s">
        <v>3633</v>
      </c>
      <c r="BQQ1" s="216" t="s">
        <v>3633</v>
      </c>
      <c r="BQR1" s="216" t="s">
        <v>3633</v>
      </c>
      <c r="BQS1" s="216" t="s">
        <v>3633</v>
      </c>
      <c r="BQT1" s="216" t="s">
        <v>3633</v>
      </c>
      <c r="BQU1" s="216" t="s">
        <v>3633</v>
      </c>
      <c r="BQV1" s="216" t="s">
        <v>3633</v>
      </c>
      <c r="BQW1" s="216" t="s">
        <v>3633</v>
      </c>
      <c r="BQX1" s="216" t="s">
        <v>3633</v>
      </c>
      <c r="BQY1" s="216" t="s">
        <v>3633</v>
      </c>
      <c r="BQZ1" s="216" t="s">
        <v>3633</v>
      </c>
      <c r="BRA1" s="216" t="s">
        <v>3633</v>
      </c>
      <c r="BRB1" s="216" t="s">
        <v>3633</v>
      </c>
      <c r="BRC1" s="216" t="s">
        <v>3633</v>
      </c>
      <c r="BRD1" s="216" t="s">
        <v>3633</v>
      </c>
      <c r="BRE1" s="216" t="s">
        <v>3633</v>
      </c>
      <c r="BRF1" s="216" t="s">
        <v>3633</v>
      </c>
      <c r="BRG1" s="216" t="s">
        <v>3633</v>
      </c>
      <c r="BRH1" s="216" t="s">
        <v>3633</v>
      </c>
      <c r="BRI1" s="216" t="s">
        <v>3633</v>
      </c>
      <c r="BRJ1" s="216" t="s">
        <v>3633</v>
      </c>
      <c r="BRK1" s="216" t="s">
        <v>3633</v>
      </c>
      <c r="BRL1" s="216" t="s">
        <v>3633</v>
      </c>
      <c r="BRM1" s="216" t="s">
        <v>3633</v>
      </c>
      <c r="BRN1" s="216" t="s">
        <v>3633</v>
      </c>
      <c r="BRO1" s="216" t="s">
        <v>3633</v>
      </c>
      <c r="BRP1" s="216" t="s">
        <v>3633</v>
      </c>
      <c r="BRQ1" s="216" t="s">
        <v>3633</v>
      </c>
      <c r="BRR1" s="216" t="s">
        <v>3633</v>
      </c>
      <c r="BRS1" s="216" t="s">
        <v>3633</v>
      </c>
      <c r="BRT1" s="216" t="s">
        <v>3633</v>
      </c>
      <c r="BRU1" s="216" t="s">
        <v>3633</v>
      </c>
      <c r="BRV1" s="216" t="s">
        <v>3633</v>
      </c>
      <c r="BRW1" s="216" t="s">
        <v>3633</v>
      </c>
      <c r="BRX1" s="216" t="s">
        <v>3633</v>
      </c>
      <c r="BRY1" s="216" t="s">
        <v>3633</v>
      </c>
      <c r="BRZ1" s="216" t="s">
        <v>3633</v>
      </c>
      <c r="BSA1" s="216" t="s">
        <v>3633</v>
      </c>
      <c r="BSB1" s="216" t="s">
        <v>3633</v>
      </c>
      <c r="BSC1" s="216" t="s">
        <v>3633</v>
      </c>
      <c r="BSD1" s="216" t="s">
        <v>3633</v>
      </c>
      <c r="BSE1" s="216" t="s">
        <v>3633</v>
      </c>
      <c r="BSF1" s="216" t="s">
        <v>3633</v>
      </c>
      <c r="BSG1" s="216" t="s">
        <v>3633</v>
      </c>
      <c r="BSH1" s="216" t="s">
        <v>3633</v>
      </c>
      <c r="BSI1" s="216" t="s">
        <v>3633</v>
      </c>
      <c r="BSJ1" s="216" t="s">
        <v>3633</v>
      </c>
      <c r="BSK1" s="216" t="s">
        <v>3633</v>
      </c>
      <c r="BSL1" s="216" t="s">
        <v>3633</v>
      </c>
      <c r="BSM1" s="216" t="s">
        <v>3633</v>
      </c>
      <c r="BSN1" s="216" t="s">
        <v>3633</v>
      </c>
      <c r="BSO1" s="216" t="s">
        <v>3633</v>
      </c>
      <c r="BSP1" s="216" t="s">
        <v>3633</v>
      </c>
      <c r="BSQ1" s="216" t="s">
        <v>3633</v>
      </c>
      <c r="BSR1" s="216" t="s">
        <v>3633</v>
      </c>
      <c r="BSS1" s="216" t="s">
        <v>3633</v>
      </c>
      <c r="BST1" s="216" t="s">
        <v>3633</v>
      </c>
      <c r="BSU1" s="216" t="s">
        <v>3633</v>
      </c>
      <c r="BSV1" s="216" t="s">
        <v>3633</v>
      </c>
      <c r="BSW1" s="216" t="s">
        <v>3633</v>
      </c>
      <c r="BSX1" s="216" t="s">
        <v>3633</v>
      </c>
      <c r="BSY1" s="216" t="s">
        <v>3633</v>
      </c>
      <c r="BSZ1" s="216" t="s">
        <v>3633</v>
      </c>
      <c r="BTA1" s="216" t="s">
        <v>3633</v>
      </c>
      <c r="BTB1" s="216" t="s">
        <v>3633</v>
      </c>
      <c r="BTC1" s="216" t="s">
        <v>3633</v>
      </c>
      <c r="BTD1" s="216" t="s">
        <v>3633</v>
      </c>
      <c r="BTE1" s="216" t="s">
        <v>3633</v>
      </c>
      <c r="BTF1" s="216" t="s">
        <v>3633</v>
      </c>
      <c r="BTG1" s="216" t="s">
        <v>3633</v>
      </c>
      <c r="BTH1" s="216" t="s">
        <v>3633</v>
      </c>
      <c r="BTI1" s="216" t="s">
        <v>3633</v>
      </c>
      <c r="BTJ1" s="216" t="s">
        <v>3633</v>
      </c>
      <c r="BTK1" s="216" t="s">
        <v>3633</v>
      </c>
      <c r="BTL1" s="216" t="s">
        <v>3633</v>
      </c>
      <c r="BTM1" s="216" t="s">
        <v>3633</v>
      </c>
      <c r="BTN1" s="216" t="s">
        <v>3633</v>
      </c>
      <c r="BTO1" s="216" t="s">
        <v>3633</v>
      </c>
      <c r="BTP1" s="216" t="s">
        <v>3633</v>
      </c>
      <c r="BTQ1" s="216" t="s">
        <v>3633</v>
      </c>
      <c r="BTR1" s="216" t="s">
        <v>3633</v>
      </c>
      <c r="BTS1" s="216" t="s">
        <v>3633</v>
      </c>
      <c r="BTT1" s="216" t="s">
        <v>3633</v>
      </c>
      <c r="BTU1" s="216" t="s">
        <v>3633</v>
      </c>
      <c r="BTV1" s="216" t="s">
        <v>3633</v>
      </c>
      <c r="BTW1" s="216" t="s">
        <v>3633</v>
      </c>
      <c r="BTX1" s="216" t="s">
        <v>3633</v>
      </c>
      <c r="BTY1" s="216" t="s">
        <v>3633</v>
      </c>
      <c r="BTZ1" s="216" t="s">
        <v>3633</v>
      </c>
      <c r="BUA1" s="216" t="s">
        <v>3633</v>
      </c>
      <c r="BUB1" s="216" t="s">
        <v>3633</v>
      </c>
      <c r="BUC1" s="216" t="s">
        <v>3633</v>
      </c>
      <c r="BUD1" s="216" t="s">
        <v>3633</v>
      </c>
      <c r="BUE1" s="216" t="s">
        <v>3633</v>
      </c>
      <c r="BUF1" s="216" t="s">
        <v>3633</v>
      </c>
      <c r="BUG1" s="216" t="s">
        <v>3633</v>
      </c>
      <c r="BUH1" s="216" t="s">
        <v>3633</v>
      </c>
      <c r="BUI1" s="216" t="s">
        <v>3633</v>
      </c>
      <c r="BUJ1" s="216" t="s">
        <v>3633</v>
      </c>
      <c r="BUK1" s="216" t="s">
        <v>3633</v>
      </c>
      <c r="BUL1" s="216" t="s">
        <v>3633</v>
      </c>
      <c r="BUM1" s="216" t="s">
        <v>3633</v>
      </c>
      <c r="BUN1" s="216" t="s">
        <v>3633</v>
      </c>
      <c r="BUO1" s="216" t="s">
        <v>3633</v>
      </c>
      <c r="BUP1" s="216" t="s">
        <v>3633</v>
      </c>
      <c r="BUQ1" s="216" t="s">
        <v>3633</v>
      </c>
      <c r="BUR1" s="216" t="s">
        <v>3633</v>
      </c>
      <c r="BUS1" s="216" t="s">
        <v>3633</v>
      </c>
      <c r="BUT1" s="216" t="s">
        <v>3633</v>
      </c>
      <c r="BUU1" s="216" t="s">
        <v>3633</v>
      </c>
      <c r="BUV1" s="216" t="s">
        <v>3633</v>
      </c>
      <c r="BUW1" s="216" t="s">
        <v>3633</v>
      </c>
      <c r="BUX1" s="216" t="s">
        <v>3633</v>
      </c>
      <c r="BUY1" s="216" t="s">
        <v>3633</v>
      </c>
      <c r="BUZ1" s="216" t="s">
        <v>3633</v>
      </c>
      <c r="BVA1" s="216" t="s">
        <v>3633</v>
      </c>
      <c r="BVB1" s="216" t="s">
        <v>3633</v>
      </c>
      <c r="BVC1" s="216" t="s">
        <v>3633</v>
      </c>
      <c r="BVD1" s="216" t="s">
        <v>3633</v>
      </c>
      <c r="BVE1" s="216" t="s">
        <v>3633</v>
      </c>
      <c r="BVF1" s="216" t="s">
        <v>3633</v>
      </c>
      <c r="BVG1" s="216" t="s">
        <v>3633</v>
      </c>
      <c r="BVH1" s="216" t="s">
        <v>3633</v>
      </c>
      <c r="BVI1" s="216" t="s">
        <v>3633</v>
      </c>
      <c r="BVJ1" s="216" t="s">
        <v>3633</v>
      </c>
      <c r="BVK1" s="216" t="s">
        <v>3633</v>
      </c>
      <c r="BVL1" s="216" t="s">
        <v>3633</v>
      </c>
      <c r="BVM1" s="216" t="s">
        <v>3633</v>
      </c>
      <c r="BVN1" s="216" t="s">
        <v>3633</v>
      </c>
      <c r="BVO1" s="216" t="s">
        <v>3633</v>
      </c>
      <c r="BVP1" s="216" t="s">
        <v>3633</v>
      </c>
      <c r="BVQ1" s="216" t="s">
        <v>3633</v>
      </c>
      <c r="BVR1" s="216" t="s">
        <v>3633</v>
      </c>
      <c r="BVS1" s="216" t="s">
        <v>3633</v>
      </c>
      <c r="BVT1" s="216" t="s">
        <v>3633</v>
      </c>
      <c r="BVU1" s="216" t="s">
        <v>3633</v>
      </c>
      <c r="BVV1" s="216" t="s">
        <v>3633</v>
      </c>
      <c r="BVW1" s="216" t="s">
        <v>3633</v>
      </c>
      <c r="BVX1" s="216" t="s">
        <v>3633</v>
      </c>
      <c r="BVY1" s="216" t="s">
        <v>3633</v>
      </c>
      <c r="BVZ1" s="216" t="s">
        <v>3633</v>
      </c>
      <c r="BWA1" s="216" t="s">
        <v>3633</v>
      </c>
      <c r="BWB1" s="216" t="s">
        <v>3633</v>
      </c>
      <c r="BWC1" s="216" t="s">
        <v>3633</v>
      </c>
      <c r="BWD1" s="216" t="s">
        <v>3633</v>
      </c>
      <c r="BWE1" s="216" t="s">
        <v>3633</v>
      </c>
      <c r="BWF1" s="216" t="s">
        <v>3633</v>
      </c>
      <c r="BWG1" s="216" t="s">
        <v>3633</v>
      </c>
      <c r="BWH1" s="216" t="s">
        <v>3633</v>
      </c>
      <c r="BWI1" s="216" t="s">
        <v>3633</v>
      </c>
      <c r="BWJ1" s="216" t="s">
        <v>3633</v>
      </c>
      <c r="BWK1" s="216" t="s">
        <v>3633</v>
      </c>
      <c r="BWL1" s="216" t="s">
        <v>3633</v>
      </c>
      <c r="BWM1" s="216" t="s">
        <v>3633</v>
      </c>
      <c r="BWN1" s="216" t="s">
        <v>3633</v>
      </c>
      <c r="BWO1" s="216" t="s">
        <v>3633</v>
      </c>
      <c r="BWP1" s="216" t="s">
        <v>3633</v>
      </c>
      <c r="BWQ1" s="216" t="s">
        <v>3633</v>
      </c>
      <c r="BWR1" s="216" t="s">
        <v>3633</v>
      </c>
      <c r="BWS1" s="216" t="s">
        <v>3633</v>
      </c>
      <c r="BWT1" s="216" t="s">
        <v>3633</v>
      </c>
      <c r="BWU1" s="216" t="s">
        <v>3633</v>
      </c>
      <c r="BWV1" s="216" t="s">
        <v>3633</v>
      </c>
      <c r="BWW1" s="216" t="s">
        <v>3633</v>
      </c>
      <c r="BWX1" s="216" t="s">
        <v>3633</v>
      </c>
      <c r="BWY1" s="216" t="s">
        <v>3633</v>
      </c>
      <c r="BWZ1" s="216" t="s">
        <v>3633</v>
      </c>
      <c r="BXA1" s="216" t="s">
        <v>3633</v>
      </c>
      <c r="BXB1" s="216" t="s">
        <v>3633</v>
      </c>
      <c r="BXC1" s="216" t="s">
        <v>3633</v>
      </c>
      <c r="BXD1" s="216" t="s">
        <v>3633</v>
      </c>
      <c r="BXE1" s="216" t="s">
        <v>3633</v>
      </c>
      <c r="BXF1" s="216" t="s">
        <v>3633</v>
      </c>
      <c r="BXG1" s="216" t="s">
        <v>3633</v>
      </c>
      <c r="BXH1" s="216" t="s">
        <v>3633</v>
      </c>
      <c r="BXI1" s="216" t="s">
        <v>3633</v>
      </c>
      <c r="BXJ1" s="216" t="s">
        <v>3633</v>
      </c>
      <c r="BXK1" s="216" t="s">
        <v>3633</v>
      </c>
      <c r="BXL1" s="216" t="s">
        <v>3633</v>
      </c>
      <c r="BXM1" s="216" t="s">
        <v>3633</v>
      </c>
      <c r="BXN1" s="216" t="s">
        <v>3633</v>
      </c>
      <c r="BXO1" s="216" t="s">
        <v>3633</v>
      </c>
      <c r="BXP1" s="216" t="s">
        <v>3633</v>
      </c>
      <c r="BXQ1" s="216" t="s">
        <v>3633</v>
      </c>
      <c r="BXR1" s="216" t="s">
        <v>3633</v>
      </c>
      <c r="BXS1" s="216" t="s">
        <v>3633</v>
      </c>
      <c r="BXT1" s="216" t="s">
        <v>3633</v>
      </c>
      <c r="BXU1" s="216" t="s">
        <v>3633</v>
      </c>
      <c r="BXV1" s="216" t="s">
        <v>3633</v>
      </c>
      <c r="BXW1" s="216" t="s">
        <v>3633</v>
      </c>
      <c r="BXX1" s="216" t="s">
        <v>3633</v>
      </c>
      <c r="BXY1" s="216" t="s">
        <v>3633</v>
      </c>
      <c r="BXZ1" s="216" t="s">
        <v>3633</v>
      </c>
      <c r="BYA1" s="216" t="s">
        <v>3633</v>
      </c>
      <c r="BYB1" s="216" t="s">
        <v>3633</v>
      </c>
      <c r="BYC1" s="216" t="s">
        <v>3633</v>
      </c>
      <c r="BYD1" s="216" t="s">
        <v>3633</v>
      </c>
      <c r="BYE1" s="216" t="s">
        <v>3633</v>
      </c>
      <c r="BYF1" s="216" t="s">
        <v>3633</v>
      </c>
      <c r="BYG1" s="216" t="s">
        <v>3633</v>
      </c>
      <c r="BYH1" s="216" t="s">
        <v>3633</v>
      </c>
      <c r="BYI1" s="216" t="s">
        <v>3633</v>
      </c>
      <c r="BYJ1" s="216" t="s">
        <v>3633</v>
      </c>
      <c r="BYK1" s="216" t="s">
        <v>3633</v>
      </c>
      <c r="BYL1" s="216" t="s">
        <v>3633</v>
      </c>
      <c r="BYM1" s="216" t="s">
        <v>3633</v>
      </c>
      <c r="BYN1" s="216" t="s">
        <v>3633</v>
      </c>
      <c r="BYO1" s="216" t="s">
        <v>3633</v>
      </c>
      <c r="BYP1" s="216" t="s">
        <v>3633</v>
      </c>
      <c r="BYQ1" s="216" t="s">
        <v>3633</v>
      </c>
      <c r="BYR1" s="216" t="s">
        <v>3633</v>
      </c>
      <c r="BYS1" s="216" t="s">
        <v>3633</v>
      </c>
      <c r="BYT1" s="216" t="s">
        <v>3633</v>
      </c>
      <c r="BYU1" s="216" t="s">
        <v>3633</v>
      </c>
      <c r="BYV1" s="216" t="s">
        <v>3633</v>
      </c>
      <c r="BYW1" s="216" t="s">
        <v>3633</v>
      </c>
      <c r="BYX1" s="216" t="s">
        <v>3633</v>
      </c>
      <c r="BYY1" s="216" t="s">
        <v>3633</v>
      </c>
      <c r="BYZ1" s="216" t="s">
        <v>3633</v>
      </c>
      <c r="BZA1" s="216" t="s">
        <v>3633</v>
      </c>
      <c r="BZB1" s="216" t="s">
        <v>3633</v>
      </c>
      <c r="BZC1" s="216" t="s">
        <v>3633</v>
      </c>
      <c r="BZD1" s="216" t="s">
        <v>3633</v>
      </c>
      <c r="BZE1" s="216" t="s">
        <v>3633</v>
      </c>
      <c r="BZF1" s="216" t="s">
        <v>3633</v>
      </c>
      <c r="BZG1" s="216" t="s">
        <v>3633</v>
      </c>
      <c r="BZH1" s="216" t="s">
        <v>3633</v>
      </c>
      <c r="BZI1" s="216" t="s">
        <v>3633</v>
      </c>
      <c r="BZJ1" s="216" t="s">
        <v>3633</v>
      </c>
      <c r="BZK1" s="216" t="s">
        <v>3633</v>
      </c>
      <c r="BZL1" s="216" t="s">
        <v>3633</v>
      </c>
      <c r="BZM1" s="216" t="s">
        <v>3633</v>
      </c>
      <c r="BZN1" s="216" t="s">
        <v>3633</v>
      </c>
      <c r="BZO1" s="216" t="s">
        <v>3633</v>
      </c>
      <c r="BZP1" s="216" t="s">
        <v>3633</v>
      </c>
      <c r="BZQ1" s="216" t="s">
        <v>3633</v>
      </c>
      <c r="BZR1" s="216" t="s">
        <v>3633</v>
      </c>
      <c r="BZS1" s="216" t="s">
        <v>3633</v>
      </c>
      <c r="BZT1" s="216" t="s">
        <v>3633</v>
      </c>
      <c r="BZU1" s="216" t="s">
        <v>3633</v>
      </c>
      <c r="BZV1" s="216" t="s">
        <v>3633</v>
      </c>
      <c r="BZW1" s="216" t="s">
        <v>3633</v>
      </c>
      <c r="BZX1" s="216" t="s">
        <v>3633</v>
      </c>
      <c r="BZY1" s="216" t="s">
        <v>3633</v>
      </c>
      <c r="BZZ1" s="216" t="s">
        <v>3633</v>
      </c>
      <c r="CAA1" s="216" t="s">
        <v>3633</v>
      </c>
      <c r="CAB1" s="216" t="s">
        <v>3633</v>
      </c>
      <c r="CAC1" s="216" t="s">
        <v>3633</v>
      </c>
      <c r="CAD1" s="216" t="s">
        <v>3633</v>
      </c>
      <c r="CAE1" s="216" t="s">
        <v>3633</v>
      </c>
      <c r="CAF1" s="216" t="s">
        <v>3633</v>
      </c>
      <c r="CAG1" s="216" t="s">
        <v>3633</v>
      </c>
      <c r="CAH1" s="216" t="s">
        <v>3633</v>
      </c>
      <c r="CAI1" s="216" t="s">
        <v>3633</v>
      </c>
      <c r="CAJ1" s="216" t="s">
        <v>3633</v>
      </c>
      <c r="CAK1" s="216" t="s">
        <v>3633</v>
      </c>
      <c r="CAL1" s="216" t="s">
        <v>3633</v>
      </c>
      <c r="CAM1" s="216" t="s">
        <v>3633</v>
      </c>
      <c r="CAN1" s="216" t="s">
        <v>3633</v>
      </c>
      <c r="CAO1" s="216" t="s">
        <v>3633</v>
      </c>
      <c r="CAP1" s="216" t="s">
        <v>3633</v>
      </c>
      <c r="CAQ1" s="216" t="s">
        <v>3633</v>
      </c>
      <c r="CAR1" s="216" t="s">
        <v>3633</v>
      </c>
      <c r="CAS1" s="216" t="s">
        <v>3633</v>
      </c>
      <c r="CAT1" s="216" t="s">
        <v>3633</v>
      </c>
      <c r="CAU1" s="216" t="s">
        <v>3633</v>
      </c>
      <c r="CAV1" s="216" t="s">
        <v>3633</v>
      </c>
      <c r="CAW1" s="216" t="s">
        <v>3633</v>
      </c>
      <c r="CAX1" s="216" t="s">
        <v>3633</v>
      </c>
      <c r="CAY1" s="216" t="s">
        <v>3633</v>
      </c>
      <c r="CAZ1" s="216" t="s">
        <v>3633</v>
      </c>
      <c r="CBA1" s="216" t="s">
        <v>3633</v>
      </c>
      <c r="CBB1" s="216" t="s">
        <v>3633</v>
      </c>
      <c r="CBC1" s="216" t="s">
        <v>3633</v>
      </c>
      <c r="CBD1" s="216" t="s">
        <v>3633</v>
      </c>
      <c r="CBE1" s="216" t="s">
        <v>3633</v>
      </c>
      <c r="CBF1" s="216" t="s">
        <v>3633</v>
      </c>
      <c r="CBG1" s="216" t="s">
        <v>3633</v>
      </c>
      <c r="CBH1" s="216" t="s">
        <v>3633</v>
      </c>
      <c r="CBI1" s="216" t="s">
        <v>3633</v>
      </c>
      <c r="CBJ1" s="216" t="s">
        <v>3633</v>
      </c>
      <c r="CBK1" s="216" t="s">
        <v>3633</v>
      </c>
      <c r="CBL1" s="216" t="s">
        <v>3633</v>
      </c>
      <c r="CBM1" s="216" t="s">
        <v>3633</v>
      </c>
      <c r="CBN1" s="216" t="s">
        <v>3633</v>
      </c>
      <c r="CBO1" s="216" t="s">
        <v>3633</v>
      </c>
      <c r="CBP1" s="216" t="s">
        <v>3633</v>
      </c>
      <c r="CBQ1" s="216" t="s">
        <v>3633</v>
      </c>
      <c r="CBR1" s="216" t="s">
        <v>3633</v>
      </c>
      <c r="CBS1" s="216" t="s">
        <v>3633</v>
      </c>
      <c r="CBT1" s="216" t="s">
        <v>3633</v>
      </c>
      <c r="CBU1" s="216" t="s">
        <v>3633</v>
      </c>
      <c r="CBV1" s="216" t="s">
        <v>3633</v>
      </c>
      <c r="CBW1" s="216" t="s">
        <v>3633</v>
      </c>
      <c r="CBX1" s="216" t="s">
        <v>3633</v>
      </c>
      <c r="CBY1" s="216" t="s">
        <v>3633</v>
      </c>
      <c r="CBZ1" s="216" t="s">
        <v>3633</v>
      </c>
      <c r="CCA1" s="216" t="s">
        <v>3633</v>
      </c>
      <c r="CCB1" s="216" t="s">
        <v>3633</v>
      </c>
      <c r="CCC1" s="216" t="s">
        <v>3633</v>
      </c>
      <c r="CCD1" s="216" t="s">
        <v>3633</v>
      </c>
      <c r="CCE1" s="216" t="s">
        <v>3633</v>
      </c>
      <c r="CCF1" s="216" t="s">
        <v>3633</v>
      </c>
      <c r="CCG1" s="216" t="s">
        <v>3633</v>
      </c>
      <c r="CCH1" s="216" t="s">
        <v>3633</v>
      </c>
      <c r="CCI1" s="216" t="s">
        <v>3633</v>
      </c>
      <c r="CCJ1" s="216" t="s">
        <v>3633</v>
      </c>
      <c r="CCK1" s="216" t="s">
        <v>3633</v>
      </c>
      <c r="CCL1" s="216" t="s">
        <v>3633</v>
      </c>
      <c r="CCM1" s="216" t="s">
        <v>3633</v>
      </c>
      <c r="CCN1" s="216" t="s">
        <v>3633</v>
      </c>
      <c r="CCO1" s="216" t="s">
        <v>3633</v>
      </c>
      <c r="CCP1" s="216" t="s">
        <v>3633</v>
      </c>
      <c r="CCQ1" s="216" t="s">
        <v>3633</v>
      </c>
      <c r="CCR1" s="216" t="s">
        <v>3633</v>
      </c>
      <c r="CCS1" s="216" t="s">
        <v>3633</v>
      </c>
      <c r="CCT1" s="216" t="s">
        <v>3633</v>
      </c>
      <c r="CCU1" s="216" t="s">
        <v>3633</v>
      </c>
      <c r="CCV1" s="216" t="s">
        <v>3633</v>
      </c>
      <c r="CCW1" s="216" t="s">
        <v>3633</v>
      </c>
      <c r="CCX1" s="216" t="s">
        <v>3633</v>
      </c>
      <c r="CCY1" s="216" t="s">
        <v>3633</v>
      </c>
      <c r="CCZ1" s="216" t="s">
        <v>3633</v>
      </c>
      <c r="CDA1" s="216" t="s">
        <v>3633</v>
      </c>
      <c r="CDB1" s="216" t="s">
        <v>3633</v>
      </c>
      <c r="CDC1" s="216" t="s">
        <v>3633</v>
      </c>
      <c r="CDD1" s="216" t="s">
        <v>3633</v>
      </c>
      <c r="CDE1" s="216" t="s">
        <v>3633</v>
      </c>
      <c r="CDF1" s="216" t="s">
        <v>3633</v>
      </c>
      <c r="CDG1" s="216" t="s">
        <v>3633</v>
      </c>
      <c r="CDH1" s="216" t="s">
        <v>3633</v>
      </c>
      <c r="CDI1" s="216" t="s">
        <v>3633</v>
      </c>
      <c r="CDJ1" s="216" t="s">
        <v>3633</v>
      </c>
      <c r="CDK1" s="216" t="s">
        <v>3633</v>
      </c>
      <c r="CDL1" s="216" t="s">
        <v>3633</v>
      </c>
      <c r="CDM1" s="216" t="s">
        <v>3633</v>
      </c>
      <c r="CDN1" s="216" t="s">
        <v>3633</v>
      </c>
      <c r="CDO1" s="216" t="s">
        <v>3633</v>
      </c>
      <c r="CDP1" s="216" t="s">
        <v>3633</v>
      </c>
      <c r="CDQ1" s="216" t="s">
        <v>3633</v>
      </c>
      <c r="CDR1" s="216" t="s">
        <v>3633</v>
      </c>
      <c r="CDS1" s="216" t="s">
        <v>3633</v>
      </c>
      <c r="CDT1" s="216" t="s">
        <v>3633</v>
      </c>
      <c r="CDU1" s="216" t="s">
        <v>3633</v>
      </c>
      <c r="CDV1" s="216" t="s">
        <v>3633</v>
      </c>
      <c r="CDW1" s="216" t="s">
        <v>3633</v>
      </c>
      <c r="CDX1" s="216" t="s">
        <v>3633</v>
      </c>
      <c r="CDY1" s="216" t="s">
        <v>3633</v>
      </c>
      <c r="CDZ1" s="216" t="s">
        <v>3633</v>
      </c>
      <c r="CEA1" s="216" t="s">
        <v>3633</v>
      </c>
      <c r="CEB1" s="216" t="s">
        <v>3633</v>
      </c>
      <c r="CEC1" s="216" t="s">
        <v>3633</v>
      </c>
      <c r="CED1" s="216" t="s">
        <v>3633</v>
      </c>
      <c r="CEE1" s="216" t="s">
        <v>3633</v>
      </c>
      <c r="CEF1" s="216" t="s">
        <v>3633</v>
      </c>
      <c r="CEG1" s="216" t="s">
        <v>3633</v>
      </c>
      <c r="CEH1" s="216" t="s">
        <v>3633</v>
      </c>
      <c r="CEI1" s="216" t="s">
        <v>3633</v>
      </c>
      <c r="CEJ1" s="216" t="s">
        <v>3633</v>
      </c>
      <c r="CEK1" s="216" t="s">
        <v>3633</v>
      </c>
      <c r="CEL1" s="216" t="s">
        <v>3633</v>
      </c>
      <c r="CEM1" s="216" t="s">
        <v>3633</v>
      </c>
      <c r="CEN1" s="216" t="s">
        <v>3633</v>
      </c>
      <c r="CEO1" s="216" t="s">
        <v>3633</v>
      </c>
      <c r="CEP1" s="216" t="s">
        <v>3633</v>
      </c>
      <c r="CEQ1" s="216" t="s">
        <v>3633</v>
      </c>
      <c r="CER1" s="216" t="s">
        <v>3633</v>
      </c>
      <c r="CES1" s="216" t="s">
        <v>3633</v>
      </c>
      <c r="CET1" s="216" t="s">
        <v>3633</v>
      </c>
      <c r="CEU1" s="216" t="s">
        <v>3633</v>
      </c>
      <c r="CEV1" s="216" t="s">
        <v>3633</v>
      </c>
      <c r="CEW1" s="216" t="s">
        <v>3633</v>
      </c>
      <c r="CEX1" s="216" t="s">
        <v>3633</v>
      </c>
      <c r="CEY1" s="216" t="s">
        <v>3633</v>
      </c>
      <c r="CEZ1" s="216" t="s">
        <v>3633</v>
      </c>
      <c r="CFA1" s="216" t="s">
        <v>3633</v>
      </c>
      <c r="CFB1" s="216" t="s">
        <v>3633</v>
      </c>
      <c r="CFC1" s="216" t="s">
        <v>3633</v>
      </c>
      <c r="CFD1" s="216" t="s">
        <v>3633</v>
      </c>
      <c r="CFE1" s="216" t="s">
        <v>3633</v>
      </c>
      <c r="CFF1" s="216" t="s">
        <v>3633</v>
      </c>
      <c r="CFG1" s="216" t="s">
        <v>3633</v>
      </c>
      <c r="CFH1" s="216" t="s">
        <v>3633</v>
      </c>
      <c r="CFI1" s="216" t="s">
        <v>3633</v>
      </c>
      <c r="CFJ1" s="216" t="s">
        <v>3633</v>
      </c>
      <c r="CFK1" s="216" t="s">
        <v>3633</v>
      </c>
      <c r="CFL1" s="216" t="s">
        <v>3633</v>
      </c>
      <c r="CFM1" s="216" t="s">
        <v>3633</v>
      </c>
      <c r="CFN1" s="216" t="s">
        <v>3633</v>
      </c>
      <c r="CFO1" s="216" t="s">
        <v>3633</v>
      </c>
      <c r="CFP1" s="216" t="s">
        <v>3633</v>
      </c>
      <c r="CFQ1" s="216" t="s">
        <v>3633</v>
      </c>
      <c r="CFR1" s="216" t="s">
        <v>3633</v>
      </c>
      <c r="CFS1" s="216" t="s">
        <v>3633</v>
      </c>
      <c r="CFT1" s="216" t="s">
        <v>3633</v>
      </c>
      <c r="CFU1" s="216" t="s">
        <v>3633</v>
      </c>
      <c r="CFV1" s="216" t="s">
        <v>3633</v>
      </c>
      <c r="CFW1" s="216" t="s">
        <v>3633</v>
      </c>
      <c r="CFX1" s="216" t="s">
        <v>3633</v>
      </c>
      <c r="CFY1" s="216" t="s">
        <v>3633</v>
      </c>
      <c r="CFZ1" s="216" t="s">
        <v>3633</v>
      </c>
      <c r="CGA1" s="216" t="s">
        <v>3633</v>
      </c>
      <c r="CGB1" s="216" t="s">
        <v>3633</v>
      </c>
      <c r="CGC1" s="216" t="s">
        <v>3633</v>
      </c>
      <c r="CGD1" s="216" t="s">
        <v>3633</v>
      </c>
      <c r="CGE1" s="216" t="s">
        <v>3633</v>
      </c>
      <c r="CGF1" s="216" t="s">
        <v>3633</v>
      </c>
      <c r="CGG1" s="216" t="s">
        <v>3633</v>
      </c>
      <c r="CGH1" s="216" t="s">
        <v>3633</v>
      </c>
      <c r="CGI1" s="216" t="s">
        <v>3633</v>
      </c>
      <c r="CGJ1" s="216" t="s">
        <v>3633</v>
      </c>
      <c r="CGK1" s="216" t="s">
        <v>3633</v>
      </c>
      <c r="CGL1" s="216" t="s">
        <v>3633</v>
      </c>
      <c r="CGM1" s="216" t="s">
        <v>3633</v>
      </c>
      <c r="CGN1" s="216" t="s">
        <v>3633</v>
      </c>
      <c r="CGO1" s="216" t="s">
        <v>3633</v>
      </c>
      <c r="CGP1" s="216" t="s">
        <v>3633</v>
      </c>
      <c r="CGQ1" s="216" t="s">
        <v>3633</v>
      </c>
      <c r="CGR1" s="216" t="s">
        <v>3633</v>
      </c>
      <c r="CGS1" s="216" t="s">
        <v>3633</v>
      </c>
      <c r="CGT1" s="216" t="s">
        <v>3633</v>
      </c>
      <c r="CGU1" s="216" t="s">
        <v>3633</v>
      </c>
      <c r="CGV1" s="216" t="s">
        <v>3633</v>
      </c>
      <c r="CGW1" s="216" t="s">
        <v>3633</v>
      </c>
      <c r="CGX1" s="216" t="s">
        <v>3633</v>
      </c>
      <c r="CGY1" s="216" t="s">
        <v>3633</v>
      </c>
      <c r="CGZ1" s="216" t="s">
        <v>3633</v>
      </c>
      <c r="CHA1" s="216" t="s">
        <v>3633</v>
      </c>
      <c r="CHB1" s="216" t="s">
        <v>3633</v>
      </c>
      <c r="CHC1" s="216" t="s">
        <v>3633</v>
      </c>
      <c r="CHD1" s="216" t="s">
        <v>3633</v>
      </c>
      <c r="CHE1" s="216" t="s">
        <v>3633</v>
      </c>
      <c r="CHF1" s="216" t="s">
        <v>3633</v>
      </c>
      <c r="CHG1" s="216" t="s">
        <v>3633</v>
      </c>
      <c r="CHH1" s="216" t="s">
        <v>3633</v>
      </c>
      <c r="CHI1" s="216" t="s">
        <v>3633</v>
      </c>
      <c r="CHJ1" s="216" t="s">
        <v>3633</v>
      </c>
      <c r="CHK1" s="216" t="s">
        <v>3633</v>
      </c>
      <c r="CHL1" s="216" t="s">
        <v>3633</v>
      </c>
      <c r="CHM1" s="216" t="s">
        <v>3633</v>
      </c>
      <c r="CHN1" s="216" t="s">
        <v>3633</v>
      </c>
      <c r="CHO1" s="216" t="s">
        <v>3633</v>
      </c>
      <c r="CHP1" s="216" t="s">
        <v>3633</v>
      </c>
      <c r="CHQ1" s="216" t="s">
        <v>3633</v>
      </c>
      <c r="CHR1" s="216" t="s">
        <v>3633</v>
      </c>
      <c r="CHS1" s="216" t="s">
        <v>3633</v>
      </c>
      <c r="CHT1" s="216" t="s">
        <v>3633</v>
      </c>
      <c r="CHU1" s="216" t="s">
        <v>3633</v>
      </c>
      <c r="CHV1" s="216" t="s">
        <v>3633</v>
      </c>
      <c r="CHW1" s="216" t="s">
        <v>3633</v>
      </c>
      <c r="CHX1" s="216" t="s">
        <v>3633</v>
      </c>
      <c r="CHY1" s="216" t="s">
        <v>3633</v>
      </c>
      <c r="CHZ1" s="216" t="s">
        <v>3633</v>
      </c>
      <c r="CIA1" s="216" t="s">
        <v>3633</v>
      </c>
      <c r="CIB1" s="216" t="s">
        <v>3633</v>
      </c>
      <c r="CIC1" s="216" t="s">
        <v>3633</v>
      </c>
      <c r="CID1" s="216" t="s">
        <v>3633</v>
      </c>
      <c r="CIE1" s="216" t="s">
        <v>3633</v>
      </c>
      <c r="CIF1" s="216" t="s">
        <v>3633</v>
      </c>
      <c r="CIG1" s="216" t="s">
        <v>3633</v>
      </c>
      <c r="CIH1" s="216" t="s">
        <v>3633</v>
      </c>
      <c r="CII1" s="216" t="s">
        <v>3633</v>
      </c>
      <c r="CIJ1" s="216" t="s">
        <v>3633</v>
      </c>
      <c r="CIK1" s="216" t="s">
        <v>3633</v>
      </c>
      <c r="CIL1" s="216" t="s">
        <v>3633</v>
      </c>
      <c r="CIM1" s="216" t="s">
        <v>3633</v>
      </c>
      <c r="CIN1" s="216" t="s">
        <v>3633</v>
      </c>
      <c r="CIO1" s="216" t="s">
        <v>3633</v>
      </c>
      <c r="CIP1" s="216" t="s">
        <v>3633</v>
      </c>
      <c r="CIQ1" s="216" t="s">
        <v>3633</v>
      </c>
      <c r="CIR1" s="216" t="s">
        <v>3633</v>
      </c>
      <c r="CIS1" s="216" t="s">
        <v>3633</v>
      </c>
      <c r="CIT1" s="216" t="s">
        <v>3633</v>
      </c>
      <c r="CIU1" s="216" t="s">
        <v>3633</v>
      </c>
      <c r="CIV1" s="216" t="s">
        <v>3633</v>
      </c>
      <c r="CIW1" s="216" t="s">
        <v>3633</v>
      </c>
      <c r="CIX1" s="216" t="s">
        <v>3633</v>
      </c>
      <c r="CIY1" s="216" t="s">
        <v>3633</v>
      </c>
      <c r="CIZ1" s="216" t="s">
        <v>3633</v>
      </c>
      <c r="CJA1" s="216" t="s">
        <v>3633</v>
      </c>
      <c r="CJB1" s="216" t="s">
        <v>3633</v>
      </c>
      <c r="CJC1" s="216" t="s">
        <v>3633</v>
      </c>
      <c r="CJD1" s="216" t="s">
        <v>3633</v>
      </c>
      <c r="CJE1" s="216" t="s">
        <v>3633</v>
      </c>
      <c r="CJF1" s="216" t="s">
        <v>3633</v>
      </c>
      <c r="CJG1" s="216" t="s">
        <v>3633</v>
      </c>
      <c r="CJH1" s="216" t="s">
        <v>3633</v>
      </c>
      <c r="CJI1" s="216" t="s">
        <v>3633</v>
      </c>
      <c r="CJJ1" s="216" t="s">
        <v>3633</v>
      </c>
      <c r="CJK1" s="216" t="s">
        <v>3633</v>
      </c>
      <c r="CJL1" s="216" t="s">
        <v>3633</v>
      </c>
      <c r="CJM1" s="216" t="s">
        <v>3633</v>
      </c>
      <c r="CJN1" s="216" t="s">
        <v>3633</v>
      </c>
      <c r="CJO1" s="216" t="s">
        <v>3633</v>
      </c>
      <c r="CJP1" s="216" t="s">
        <v>3633</v>
      </c>
      <c r="CJQ1" s="216" t="s">
        <v>3633</v>
      </c>
      <c r="CJR1" s="216" t="s">
        <v>3633</v>
      </c>
      <c r="CJS1" s="216" t="s">
        <v>3633</v>
      </c>
      <c r="CJT1" s="216" t="s">
        <v>3633</v>
      </c>
      <c r="CJU1" s="216" t="s">
        <v>3633</v>
      </c>
      <c r="CJV1" s="216" t="s">
        <v>3633</v>
      </c>
      <c r="CJW1" s="216" t="s">
        <v>3633</v>
      </c>
      <c r="CJX1" s="216" t="s">
        <v>3633</v>
      </c>
      <c r="CJY1" s="216" t="s">
        <v>3633</v>
      </c>
      <c r="CJZ1" s="216" t="s">
        <v>3633</v>
      </c>
      <c r="CKA1" s="216" t="s">
        <v>3633</v>
      </c>
      <c r="CKB1" s="216" t="s">
        <v>3633</v>
      </c>
      <c r="CKC1" s="216" t="s">
        <v>3633</v>
      </c>
      <c r="CKD1" s="216" t="s">
        <v>3633</v>
      </c>
      <c r="CKE1" s="216" t="s">
        <v>3633</v>
      </c>
      <c r="CKF1" s="216" t="s">
        <v>3633</v>
      </c>
      <c r="CKG1" s="216" t="s">
        <v>3633</v>
      </c>
      <c r="CKH1" s="216" t="s">
        <v>3633</v>
      </c>
      <c r="CKI1" s="216" t="s">
        <v>3633</v>
      </c>
      <c r="CKJ1" s="216" t="s">
        <v>3633</v>
      </c>
      <c r="CKK1" s="216" t="s">
        <v>3633</v>
      </c>
      <c r="CKL1" s="216" t="s">
        <v>3633</v>
      </c>
      <c r="CKM1" s="216" t="s">
        <v>3633</v>
      </c>
      <c r="CKN1" s="216" t="s">
        <v>3633</v>
      </c>
      <c r="CKO1" s="216" t="s">
        <v>3633</v>
      </c>
      <c r="CKP1" s="216" t="s">
        <v>3633</v>
      </c>
      <c r="CKQ1" s="216" t="s">
        <v>3633</v>
      </c>
      <c r="CKR1" s="216" t="s">
        <v>3633</v>
      </c>
      <c r="CKS1" s="216" t="s">
        <v>3633</v>
      </c>
      <c r="CKT1" s="216" t="s">
        <v>3633</v>
      </c>
      <c r="CKU1" s="216" t="s">
        <v>3633</v>
      </c>
      <c r="CKV1" s="216" t="s">
        <v>3633</v>
      </c>
      <c r="CKW1" s="216" t="s">
        <v>3633</v>
      </c>
      <c r="CKX1" s="216" t="s">
        <v>3633</v>
      </c>
      <c r="CKY1" s="216" t="s">
        <v>3633</v>
      </c>
      <c r="CKZ1" s="216" t="s">
        <v>3633</v>
      </c>
      <c r="CLA1" s="216" t="s">
        <v>3633</v>
      </c>
      <c r="CLB1" s="216" t="s">
        <v>3633</v>
      </c>
      <c r="CLC1" s="216" t="s">
        <v>3633</v>
      </c>
      <c r="CLD1" s="216" t="s">
        <v>3633</v>
      </c>
      <c r="CLE1" s="216" t="s">
        <v>3633</v>
      </c>
      <c r="CLF1" s="216" t="s">
        <v>3633</v>
      </c>
      <c r="CLG1" s="216" t="s">
        <v>3633</v>
      </c>
      <c r="CLH1" s="216" t="s">
        <v>3633</v>
      </c>
      <c r="CLI1" s="216" t="s">
        <v>3633</v>
      </c>
      <c r="CLJ1" s="216" t="s">
        <v>3633</v>
      </c>
      <c r="CLK1" s="216" t="s">
        <v>3633</v>
      </c>
      <c r="CLL1" s="216" t="s">
        <v>3633</v>
      </c>
      <c r="CLM1" s="216" t="s">
        <v>3633</v>
      </c>
      <c r="CLN1" s="216" t="s">
        <v>3633</v>
      </c>
      <c r="CLO1" s="216" t="s">
        <v>3633</v>
      </c>
      <c r="CLP1" s="216" t="s">
        <v>3633</v>
      </c>
      <c r="CLQ1" s="216" t="s">
        <v>3633</v>
      </c>
      <c r="CLR1" s="216" t="s">
        <v>3633</v>
      </c>
      <c r="CLS1" s="216" t="s">
        <v>3633</v>
      </c>
      <c r="CLT1" s="216" t="s">
        <v>3633</v>
      </c>
      <c r="CLU1" s="216" t="s">
        <v>3633</v>
      </c>
      <c r="CLV1" s="216" t="s">
        <v>3633</v>
      </c>
      <c r="CLW1" s="216" t="s">
        <v>3633</v>
      </c>
      <c r="CLX1" s="216" t="s">
        <v>3633</v>
      </c>
      <c r="CLY1" s="216" t="s">
        <v>3633</v>
      </c>
      <c r="CLZ1" s="216" t="s">
        <v>3633</v>
      </c>
      <c r="CMA1" s="216" t="s">
        <v>3633</v>
      </c>
      <c r="CMB1" s="216" t="s">
        <v>3633</v>
      </c>
      <c r="CMC1" s="216" t="s">
        <v>3633</v>
      </c>
      <c r="CMD1" s="216" t="s">
        <v>3633</v>
      </c>
      <c r="CME1" s="216" t="s">
        <v>3633</v>
      </c>
      <c r="CMF1" s="216" t="s">
        <v>3633</v>
      </c>
      <c r="CMG1" s="216" t="s">
        <v>3633</v>
      </c>
      <c r="CMH1" s="216" t="s">
        <v>3633</v>
      </c>
      <c r="CMI1" s="216" t="s">
        <v>3633</v>
      </c>
      <c r="CMJ1" s="216" t="s">
        <v>3633</v>
      </c>
      <c r="CMK1" s="216" t="s">
        <v>3633</v>
      </c>
      <c r="CML1" s="216" t="s">
        <v>3633</v>
      </c>
      <c r="CMM1" s="216" t="s">
        <v>3633</v>
      </c>
      <c r="CMN1" s="216" t="s">
        <v>3633</v>
      </c>
      <c r="CMO1" s="216" t="s">
        <v>3633</v>
      </c>
      <c r="CMP1" s="216" t="s">
        <v>3633</v>
      </c>
      <c r="CMQ1" s="216" t="s">
        <v>3633</v>
      </c>
      <c r="CMR1" s="216" t="s">
        <v>3633</v>
      </c>
      <c r="CMS1" s="216" t="s">
        <v>3633</v>
      </c>
      <c r="CMT1" s="216" t="s">
        <v>3633</v>
      </c>
      <c r="CMU1" s="216" t="s">
        <v>3633</v>
      </c>
      <c r="CMV1" s="216" t="s">
        <v>3633</v>
      </c>
      <c r="CMW1" s="216" t="s">
        <v>3633</v>
      </c>
      <c r="CMX1" s="216" t="s">
        <v>3633</v>
      </c>
      <c r="CMY1" s="216" t="s">
        <v>3633</v>
      </c>
      <c r="CMZ1" s="216" t="s">
        <v>3633</v>
      </c>
      <c r="CNA1" s="216" t="s">
        <v>3633</v>
      </c>
      <c r="CNB1" s="216" t="s">
        <v>3633</v>
      </c>
      <c r="CNC1" s="216" t="s">
        <v>3633</v>
      </c>
      <c r="CND1" s="216" t="s">
        <v>3633</v>
      </c>
      <c r="CNE1" s="216" t="s">
        <v>3633</v>
      </c>
      <c r="CNF1" s="216" t="s">
        <v>3633</v>
      </c>
      <c r="CNG1" s="216" t="s">
        <v>3633</v>
      </c>
      <c r="CNH1" s="216" t="s">
        <v>3633</v>
      </c>
      <c r="CNI1" s="216" t="s">
        <v>3633</v>
      </c>
      <c r="CNJ1" s="216" t="s">
        <v>3633</v>
      </c>
      <c r="CNK1" s="216" t="s">
        <v>3633</v>
      </c>
      <c r="CNL1" s="216" t="s">
        <v>3633</v>
      </c>
      <c r="CNM1" s="216" t="s">
        <v>3633</v>
      </c>
      <c r="CNN1" s="216" t="s">
        <v>3633</v>
      </c>
      <c r="CNO1" s="216" t="s">
        <v>3633</v>
      </c>
      <c r="CNP1" s="216" t="s">
        <v>3633</v>
      </c>
      <c r="CNQ1" s="216" t="s">
        <v>3633</v>
      </c>
      <c r="CNR1" s="216" t="s">
        <v>3633</v>
      </c>
      <c r="CNS1" s="216" t="s">
        <v>3633</v>
      </c>
      <c r="CNT1" s="216" t="s">
        <v>3633</v>
      </c>
      <c r="CNU1" s="216" t="s">
        <v>3633</v>
      </c>
      <c r="CNV1" s="216" t="s">
        <v>3633</v>
      </c>
      <c r="CNW1" s="216" t="s">
        <v>3633</v>
      </c>
      <c r="CNX1" s="216" t="s">
        <v>3633</v>
      </c>
      <c r="CNY1" s="216" t="s">
        <v>3633</v>
      </c>
      <c r="CNZ1" s="216" t="s">
        <v>3633</v>
      </c>
      <c r="COA1" s="216" t="s">
        <v>3633</v>
      </c>
      <c r="COB1" s="216" t="s">
        <v>3633</v>
      </c>
      <c r="COC1" s="216" t="s">
        <v>3633</v>
      </c>
      <c r="COD1" s="216" t="s">
        <v>3633</v>
      </c>
      <c r="COE1" s="216" t="s">
        <v>3633</v>
      </c>
      <c r="COF1" s="216" t="s">
        <v>3633</v>
      </c>
      <c r="COG1" s="216" t="s">
        <v>3633</v>
      </c>
      <c r="COH1" s="216" t="s">
        <v>3633</v>
      </c>
      <c r="COI1" s="216" t="s">
        <v>3633</v>
      </c>
      <c r="COJ1" s="216" t="s">
        <v>3633</v>
      </c>
      <c r="COK1" s="216" t="s">
        <v>3633</v>
      </c>
      <c r="COL1" s="216" t="s">
        <v>3633</v>
      </c>
      <c r="COM1" s="216" t="s">
        <v>3633</v>
      </c>
      <c r="CON1" s="216" t="s">
        <v>3633</v>
      </c>
      <c r="COO1" s="216" t="s">
        <v>3633</v>
      </c>
      <c r="COP1" s="216" t="s">
        <v>3633</v>
      </c>
      <c r="COQ1" s="216" t="s">
        <v>3633</v>
      </c>
      <c r="COR1" s="216" t="s">
        <v>3633</v>
      </c>
      <c r="COS1" s="216" t="s">
        <v>3633</v>
      </c>
      <c r="COT1" s="216" t="s">
        <v>3633</v>
      </c>
      <c r="COU1" s="216" t="s">
        <v>3633</v>
      </c>
      <c r="COV1" s="216" t="s">
        <v>3633</v>
      </c>
      <c r="COW1" s="216" t="s">
        <v>3633</v>
      </c>
      <c r="COX1" s="216" t="s">
        <v>3633</v>
      </c>
      <c r="COY1" s="216" t="s">
        <v>3633</v>
      </c>
      <c r="COZ1" s="216" t="s">
        <v>3633</v>
      </c>
      <c r="CPA1" s="216" t="s">
        <v>3633</v>
      </c>
      <c r="CPB1" s="216" t="s">
        <v>3633</v>
      </c>
      <c r="CPC1" s="216" t="s">
        <v>3633</v>
      </c>
      <c r="CPD1" s="216" t="s">
        <v>3633</v>
      </c>
      <c r="CPE1" s="216" t="s">
        <v>3633</v>
      </c>
      <c r="CPF1" s="216" t="s">
        <v>3633</v>
      </c>
      <c r="CPG1" s="216" t="s">
        <v>3633</v>
      </c>
      <c r="CPH1" s="216" t="s">
        <v>3633</v>
      </c>
      <c r="CPI1" s="216" t="s">
        <v>3633</v>
      </c>
      <c r="CPJ1" s="216" t="s">
        <v>3633</v>
      </c>
      <c r="CPK1" s="216" t="s">
        <v>3633</v>
      </c>
      <c r="CPL1" s="216" t="s">
        <v>3633</v>
      </c>
      <c r="CPM1" s="216" t="s">
        <v>3633</v>
      </c>
      <c r="CPN1" s="216" t="s">
        <v>3633</v>
      </c>
      <c r="CPO1" s="216" t="s">
        <v>3633</v>
      </c>
      <c r="CPP1" s="216" t="s">
        <v>3633</v>
      </c>
      <c r="CPQ1" s="216" t="s">
        <v>3633</v>
      </c>
      <c r="CPR1" s="216" t="s">
        <v>3633</v>
      </c>
      <c r="CPS1" s="216" t="s">
        <v>3633</v>
      </c>
      <c r="CPT1" s="216" t="s">
        <v>3633</v>
      </c>
      <c r="CPU1" s="216" t="s">
        <v>3633</v>
      </c>
      <c r="CPV1" s="216" t="s">
        <v>3633</v>
      </c>
      <c r="CPW1" s="216" t="s">
        <v>3633</v>
      </c>
      <c r="CPX1" s="216" t="s">
        <v>3633</v>
      </c>
      <c r="CPY1" s="216" t="s">
        <v>3633</v>
      </c>
      <c r="CPZ1" s="216" t="s">
        <v>3633</v>
      </c>
      <c r="CQA1" s="216" t="s">
        <v>3633</v>
      </c>
      <c r="CQB1" s="216" t="s">
        <v>3633</v>
      </c>
      <c r="CQC1" s="216" t="s">
        <v>3633</v>
      </c>
      <c r="CQD1" s="216" t="s">
        <v>3633</v>
      </c>
      <c r="CQE1" s="216" t="s">
        <v>3633</v>
      </c>
      <c r="CQF1" s="216" t="s">
        <v>3633</v>
      </c>
      <c r="CQG1" s="216" t="s">
        <v>3633</v>
      </c>
      <c r="CQH1" s="216" t="s">
        <v>3633</v>
      </c>
      <c r="CQI1" s="216" t="s">
        <v>3633</v>
      </c>
      <c r="CQJ1" s="216" t="s">
        <v>3633</v>
      </c>
      <c r="CQK1" s="216" t="s">
        <v>3633</v>
      </c>
      <c r="CQL1" s="216" t="s">
        <v>3633</v>
      </c>
      <c r="CQM1" s="216" t="s">
        <v>3633</v>
      </c>
      <c r="CQN1" s="216" t="s">
        <v>3633</v>
      </c>
      <c r="CQO1" s="216" t="s">
        <v>3633</v>
      </c>
      <c r="CQP1" s="216" t="s">
        <v>3633</v>
      </c>
      <c r="CQQ1" s="216" t="s">
        <v>3633</v>
      </c>
      <c r="CQR1" s="216" t="s">
        <v>3633</v>
      </c>
      <c r="CQS1" s="216" t="s">
        <v>3633</v>
      </c>
      <c r="CQT1" s="216" t="s">
        <v>3633</v>
      </c>
      <c r="CQU1" s="216" t="s">
        <v>3633</v>
      </c>
      <c r="CQV1" s="216" t="s">
        <v>3633</v>
      </c>
      <c r="CQW1" s="216" t="s">
        <v>3633</v>
      </c>
      <c r="CQX1" s="216" t="s">
        <v>3633</v>
      </c>
      <c r="CQY1" s="216" t="s">
        <v>3633</v>
      </c>
      <c r="CQZ1" s="216" t="s">
        <v>3633</v>
      </c>
      <c r="CRA1" s="216" t="s">
        <v>3633</v>
      </c>
      <c r="CRB1" s="216" t="s">
        <v>3633</v>
      </c>
      <c r="CRC1" s="216" t="s">
        <v>3633</v>
      </c>
      <c r="CRD1" s="216" t="s">
        <v>3633</v>
      </c>
      <c r="CRE1" s="216" t="s">
        <v>3633</v>
      </c>
      <c r="CRF1" s="216" t="s">
        <v>3633</v>
      </c>
      <c r="CRG1" s="216" t="s">
        <v>3633</v>
      </c>
      <c r="CRH1" s="216" t="s">
        <v>3633</v>
      </c>
      <c r="CRI1" s="216" t="s">
        <v>3633</v>
      </c>
      <c r="CRJ1" s="216" t="s">
        <v>3633</v>
      </c>
      <c r="CRK1" s="216" t="s">
        <v>3633</v>
      </c>
      <c r="CRL1" s="216" t="s">
        <v>3633</v>
      </c>
      <c r="CRM1" s="216" t="s">
        <v>3633</v>
      </c>
      <c r="CRN1" s="216" t="s">
        <v>3633</v>
      </c>
      <c r="CRO1" s="216" t="s">
        <v>3633</v>
      </c>
      <c r="CRP1" s="216" t="s">
        <v>3633</v>
      </c>
      <c r="CRQ1" s="216" t="s">
        <v>3633</v>
      </c>
      <c r="CRR1" s="216" t="s">
        <v>3633</v>
      </c>
      <c r="CRS1" s="216" t="s">
        <v>3633</v>
      </c>
      <c r="CRT1" s="216" t="s">
        <v>3633</v>
      </c>
      <c r="CRU1" s="216" t="s">
        <v>3633</v>
      </c>
      <c r="CRV1" s="216" t="s">
        <v>3633</v>
      </c>
      <c r="CRW1" s="216" t="s">
        <v>3633</v>
      </c>
      <c r="CRX1" s="216" t="s">
        <v>3633</v>
      </c>
      <c r="CRY1" s="216" t="s">
        <v>3633</v>
      </c>
      <c r="CRZ1" s="216" t="s">
        <v>3633</v>
      </c>
      <c r="CSA1" s="216" t="s">
        <v>3633</v>
      </c>
      <c r="CSB1" s="216" t="s">
        <v>3633</v>
      </c>
      <c r="CSC1" s="216" t="s">
        <v>3633</v>
      </c>
      <c r="CSD1" s="216" t="s">
        <v>3633</v>
      </c>
      <c r="CSE1" s="216" t="s">
        <v>3633</v>
      </c>
      <c r="CSF1" s="216" t="s">
        <v>3633</v>
      </c>
      <c r="CSG1" s="216" t="s">
        <v>3633</v>
      </c>
      <c r="CSH1" s="216" t="s">
        <v>3633</v>
      </c>
      <c r="CSI1" s="216" t="s">
        <v>3633</v>
      </c>
      <c r="CSJ1" s="216" t="s">
        <v>3633</v>
      </c>
      <c r="CSK1" s="216" t="s">
        <v>3633</v>
      </c>
      <c r="CSL1" s="216" t="s">
        <v>3633</v>
      </c>
      <c r="CSM1" s="216" t="s">
        <v>3633</v>
      </c>
      <c r="CSN1" s="216" t="s">
        <v>3633</v>
      </c>
      <c r="CSO1" s="216" t="s">
        <v>3633</v>
      </c>
      <c r="CSP1" s="216" t="s">
        <v>3633</v>
      </c>
      <c r="CSQ1" s="216" t="s">
        <v>3633</v>
      </c>
      <c r="CSR1" s="216" t="s">
        <v>3633</v>
      </c>
      <c r="CSS1" s="216" t="s">
        <v>3633</v>
      </c>
      <c r="CST1" s="216" t="s">
        <v>3633</v>
      </c>
      <c r="CSU1" s="216" t="s">
        <v>3633</v>
      </c>
      <c r="CSV1" s="216" t="s">
        <v>3633</v>
      </c>
      <c r="CSW1" s="216" t="s">
        <v>3633</v>
      </c>
      <c r="CSX1" s="216" t="s">
        <v>3633</v>
      </c>
      <c r="CSY1" s="216" t="s">
        <v>3633</v>
      </c>
      <c r="CSZ1" s="216" t="s">
        <v>3633</v>
      </c>
      <c r="CTA1" s="216" t="s">
        <v>3633</v>
      </c>
      <c r="CTB1" s="216" t="s">
        <v>3633</v>
      </c>
      <c r="CTC1" s="216" t="s">
        <v>3633</v>
      </c>
      <c r="CTD1" s="216" t="s">
        <v>3633</v>
      </c>
      <c r="CTE1" s="216" t="s">
        <v>3633</v>
      </c>
      <c r="CTF1" s="216" t="s">
        <v>3633</v>
      </c>
      <c r="CTG1" s="216" t="s">
        <v>3633</v>
      </c>
      <c r="CTH1" s="216" t="s">
        <v>3633</v>
      </c>
      <c r="CTI1" s="216" t="s">
        <v>3633</v>
      </c>
      <c r="CTJ1" s="216" t="s">
        <v>3633</v>
      </c>
      <c r="CTK1" s="216" t="s">
        <v>3633</v>
      </c>
      <c r="CTL1" s="216" t="s">
        <v>3633</v>
      </c>
      <c r="CTM1" s="216" t="s">
        <v>3633</v>
      </c>
      <c r="CTN1" s="216" t="s">
        <v>3633</v>
      </c>
      <c r="CTO1" s="216" t="s">
        <v>3633</v>
      </c>
      <c r="CTP1" s="216" t="s">
        <v>3633</v>
      </c>
      <c r="CTQ1" s="216" t="s">
        <v>3633</v>
      </c>
      <c r="CTR1" s="216" t="s">
        <v>3633</v>
      </c>
      <c r="CTS1" s="216" t="s">
        <v>3633</v>
      </c>
      <c r="CTT1" s="216" t="s">
        <v>3633</v>
      </c>
      <c r="CTU1" s="216" t="s">
        <v>3633</v>
      </c>
      <c r="CTV1" s="216" t="s">
        <v>3633</v>
      </c>
      <c r="CTW1" s="216" t="s">
        <v>3633</v>
      </c>
      <c r="CTX1" s="216" t="s">
        <v>3633</v>
      </c>
      <c r="CTY1" s="216" t="s">
        <v>3633</v>
      </c>
      <c r="CTZ1" s="216" t="s">
        <v>3633</v>
      </c>
      <c r="CUA1" s="216" t="s">
        <v>3633</v>
      </c>
      <c r="CUB1" s="216" t="s">
        <v>3633</v>
      </c>
      <c r="CUC1" s="216" t="s">
        <v>3633</v>
      </c>
      <c r="CUD1" s="216" t="s">
        <v>3633</v>
      </c>
      <c r="CUE1" s="216" t="s">
        <v>3633</v>
      </c>
      <c r="CUF1" s="216" t="s">
        <v>3633</v>
      </c>
      <c r="CUG1" s="216" t="s">
        <v>3633</v>
      </c>
      <c r="CUH1" s="216" t="s">
        <v>3633</v>
      </c>
      <c r="CUI1" s="216" t="s">
        <v>3633</v>
      </c>
      <c r="CUJ1" s="216" t="s">
        <v>3633</v>
      </c>
      <c r="CUK1" s="216" t="s">
        <v>3633</v>
      </c>
      <c r="CUL1" s="216" t="s">
        <v>3633</v>
      </c>
      <c r="CUM1" s="216" t="s">
        <v>3633</v>
      </c>
      <c r="CUN1" s="216" t="s">
        <v>3633</v>
      </c>
      <c r="CUO1" s="216" t="s">
        <v>3633</v>
      </c>
      <c r="CUP1" s="216" t="s">
        <v>3633</v>
      </c>
      <c r="CUQ1" s="216" t="s">
        <v>3633</v>
      </c>
      <c r="CUR1" s="216" t="s">
        <v>3633</v>
      </c>
      <c r="CUS1" s="216" t="s">
        <v>3633</v>
      </c>
      <c r="CUT1" s="216" t="s">
        <v>3633</v>
      </c>
      <c r="CUU1" s="216" t="s">
        <v>3633</v>
      </c>
      <c r="CUV1" s="216" t="s">
        <v>3633</v>
      </c>
      <c r="CUW1" s="216" t="s">
        <v>3633</v>
      </c>
      <c r="CUX1" s="216" t="s">
        <v>3633</v>
      </c>
      <c r="CUY1" s="216" t="s">
        <v>3633</v>
      </c>
      <c r="CUZ1" s="216" t="s">
        <v>3633</v>
      </c>
      <c r="CVA1" s="216" t="s">
        <v>3633</v>
      </c>
      <c r="CVB1" s="216" t="s">
        <v>3633</v>
      </c>
      <c r="CVC1" s="216" t="s">
        <v>3633</v>
      </c>
      <c r="CVD1" s="216" t="s">
        <v>3633</v>
      </c>
      <c r="CVE1" s="216" t="s">
        <v>3633</v>
      </c>
      <c r="CVF1" s="216" t="s">
        <v>3633</v>
      </c>
      <c r="CVG1" s="216" t="s">
        <v>3633</v>
      </c>
      <c r="CVH1" s="216" t="s">
        <v>3633</v>
      </c>
      <c r="CVI1" s="216" t="s">
        <v>3633</v>
      </c>
      <c r="CVJ1" s="216" t="s">
        <v>3633</v>
      </c>
      <c r="CVK1" s="216" t="s">
        <v>3633</v>
      </c>
      <c r="CVL1" s="216" t="s">
        <v>3633</v>
      </c>
      <c r="CVM1" s="216" t="s">
        <v>3633</v>
      </c>
      <c r="CVN1" s="216" t="s">
        <v>3633</v>
      </c>
      <c r="CVO1" s="216" t="s">
        <v>3633</v>
      </c>
      <c r="CVP1" s="216" t="s">
        <v>3633</v>
      </c>
      <c r="CVQ1" s="216" t="s">
        <v>3633</v>
      </c>
      <c r="CVR1" s="216" t="s">
        <v>3633</v>
      </c>
      <c r="CVS1" s="216" t="s">
        <v>3633</v>
      </c>
      <c r="CVT1" s="216" t="s">
        <v>3633</v>
      </c>
      <c r="CVU1" s="216" t="s">
        <v>3633</v>
      </c>
      <c r="CVV1" s="216" t="s">
        <v>3633</v>
      </c>
      <c r="CVW1" s="216" t="s">
        <v>3633</v>
      </c>
      <c r="CVX1" s="216" t="s">
        <v>3633</v>
      </c>
      <c r="CVY1" s="216" t="s">
        <v>3633</v>
      </c>
      <c r="CVZ1" s="216" t="s">
        <v>3633</v>
      </c>
      <c r="CWA1" s="216" t="s">
        <v>3633</v>
      </c>
      <c r="CWB1" s="216" t="s">
        <v>3633</v>
      </c>
      <c r="CWC1" s="216" t="s">
        <v>3633</v>
      </c>
      <c r="CWD1" s="216" t="s">
        <v>3633</v>
      </c>
      <c r="CWE1" s="216" t="s">
        <v>3633</v>
      </c>
      <c r="CWF1" s="216" t="s">
        <v>3633</v>
      </c>
      <c r="CWG1" s="216" t="s">
        <v>3633</v>
      </c>
      <c r="CWH1" s="216" t="s">
        <v>3633</v>
      </c>
      <c r="CWI1" s="216" t="s">
        <v>3633</v>
      </c>
      <c r="CWJ1" s="216" t="s">
        <v>3633</v>
      </c>
      <c r="CWK1" s="216" t="s">
        <v>3633</v>
      </c>
      <c r="CWL1" s="216" t="s">
        <v>3633</v>
      </c>
      <c r="CWM1" s="216" t="s">
        <v>3633</v>
      </c>
      <c r="CWN1" s="216" t="s">
        <v>3633</v>
      </c>
      <c r="CWO1" s="216" t="s">
        <v>3633</v>
      </c>
      <c r="CWP1" s="216" t="s">
        <v>3633</v>
      </c>
      <c r="CWQ1" s="216" t="s">
        <v>3633</v>
      </c>
      <c r="CWR1" s="216" t="s">
        <v>3633</v>
      </c>
      <c r="CWS1" s="216" t="s">
        <v>3633</v>
      </c>
      <c r="CWT1" s="216" t="s">
        <v>3633</v>
      </c>
      <c r="CWU1" s="216" t="s">
        <v>3633</v>
      </c>
      <c r="CWV1" s="216" t="s">
        <v>3633</v>
      </c>
      <c r="CWW1" s="216" t="s">
        <v>3633</v>
      </c>
      <c r="CWX1" s="216" t="s">
        <v>3633</v>
      </c>
      <c r="CWY1" s="216" t="s">
        <v>3633</v>
      </c>
      <c r="CWZ1" s="216" t="s">
        <v>3633</v>
      </c>
      <c r="CXA1" s="216" t="s">
        <v>3633</v>
      </c>
      <c r="CXB1" s="216" t="s">
        <v>3633</v>
      </c>
      <c r="CXC1" s="216" t="s">
        <v>3633</v>
      </c>
      <c r="CXD1" s="216" t="s">
        <v>3633</v>
      </c>
      <c r="CXE1" s="216" t="s">
        <v>3633</v>
      </c>
      <c r="CXF1" s="216" t="s">
        <v>3633</v>
      </c>
      <c r="CXG1" s="216" t="s">
        <v>3633</v>
      </c>
      <c r="CXH1" s="216" t="s">
        <v>3633</v>
      </c>
      <c r="CXI1" s="216" t="s">
        <v>3633</v>
      </c>
      <c r="CXJ1" s="216" t="s">
        <v>3633</v>
      </c>
      <c r="CXK1" s="216" t="s">
        <v>3633</v>
      </c>
      <c r="CXL1" s="216" t="s">
        <v>3633</v>
      </c>
      <c r="CXM1" s="216" t="s">
        <v>3633</v>
      </c>
      <c r="CXN1" s="216" t="s">
        <v>3633</v>
      </c>
      <c r="CXO1" s="216" t="s">
        <v>3633</v>
      </c>
      <c r="CXP1" s="216" t="s">
        <v>3633</v>
      </c>
      <c r="CXQ1" s="216" t="s">
        <v>3633</v>
      </c>
      <c r="CXR1" s="216" t="s">
        <v>3633</v>
      </c>
      <c r="CXS1" s="216" t="s">
        <v>3633</v>
      </c>
      <c r="CXT1" s="216" t="s">
        <v>3633</v>
      </c>
      <c r="CXU1" s="216" t="s">
        <v>3633</v>
      </c>
      <c r="CXV1" s="216" t="s">
        <v>3633</v>
      </c>
      <c r="CXW1" s="216" t="s">
        <v>3633</v>
      </c>
      <c r="CXX1" s="216" t="s">
        <v>3633</v>
      </c>
      <c r="CXY1" s="216" t="s">
        <v>3633</v>
      </c>
      <c r="CXZ1" s="216" t="s">
        <v>3633</v>
      </c>
      <c r="CYA1" s="216" t="s">
        <v>3633</v>
      </c>
      <c r="CYB1" s="216" t="s">
        <v>3633</v>
      </c>
      <c r="CYC1" s="216" t="s">
        <v>3633</v>
      </c>
      <c r="CYD1" s="216" t="s">
        <v>3633</v>
      </c>
      <c r="CYE1" s="216" t="s">
        <v>3633</v>
      </c>
      <c r="CYF1" s="216" t="s">
        <v>3633</v>
      </c>
      <c r="CYG1" s="216" t="s">
        <v>3633</v>
      </c>
      <c r="CYH1" s="216" t="s">
        <v>3633</v>
      </c>
      <c r="CYI1" s="216" t="s">
        <v>3633</v>
      </c>
      <c r="CYJ1" s="216" t="s">
        <v>3633</v>
      </c>
      <c r="CYK1" s="216" t="s">
        <v>3633</v>
      </c>
      <c r="CYL1" s="216" t="s">
        <v>3633</v>
      </c>
      <c r="CYM1" s="216" t="s">
        <v>3633</v>
      </c>
      <c r="CYN1" s="216" t="s">
        <v>3633</v>
      </c>
      <c r="CYO1" s="216" t="s">
        <v>3633</v>
      </c>
      <c r="CYP1" s="216" t="s">
        <v>3633</v>
      </c>
      <c r="CYQ1" s="216" t="s">
        <v>3633</v>
      </c>
      <c r="CYR1" s="216" t="s">
        <v>3633</v>
      </c>
      <c r="CYS1" s="216" t="s">
        <v>3633</v>
      </c>
      <c r="CYT1" s="216" t="s">
        <v>3633</v>
      </c>
      <c r="CYU1" s="216" t="s">
        <v>3633</v>
      </c>
      <c r="CYV1" s="216" t="s">
        <v>3633</v>
      </c>
      <c r="CYW1" s="216" t="s">
        <v>3633</v>
      </c>
      <c r="CYX1" s="216" t="s">
        <v>3633</v>
      </c>
      <c r="CYY1" s="216" t="s">
        <v>3633</v>
      </c>
      <c r="CYZ1" s="216" t="s">
        <v>3633</v>
      </c>
      <c r="CZA1" s="216" t="s">
        <v>3633</v>
      </c>
      <c r="CZB1" s="216" t="s">
        <v>3633</v>
      </c>
      <c r="CZC1" s="216" t="s">
        <v>3633</v>
      </c>
      <c r="CZD1" s="216" t="s">
        <v>3633</v>
      </c>
      <c r="CZE1" s="216" t="s">
        <v>3633</v>
      </c>
      <c r="CZF1" s="216" t="s">
        <v>3633</v>
      </c>
      <c r="CZG1" s="216" t="s">
        <v>3633</v>
      </c>
      <c r="CZH1" s="216" t="s">
        <v>3633</v>
      </c>
      <c r="CZI1" s="216" t="s">
        <v>3633</v>
      </c>
      <c r="CZJ1" s="216" t="s">
        <v>3633</v>
      </c>
      <c r="CZK1" s="216" t="s">
        <v>3633</v>
      </c>
      <c r="CZL1" s="216" t="s">
        <v>3633</v>
      </c>
      <c r="CZM1" s="216" t="s">
        <v>3633</v>
      </c>
      <c r="CZN1" s="216" t="s">
        <v>3633</v>
      </c>
      <c r="CZO1" s="216" t="s">
        <v>3633</v>
      </c>
      <c r="CZP1" s="216" t="s">
        <v>3633</v>
      </c>
      <c r="CZQ1" s="216" t="s">
        <v>3633</v>
      </c>
      <c r="CZR1" s="216" t="s">
        <v>3633</v>
      </c>
      <c r="CZS1" s="216" t="s">
        <v>3633</v>
      </c>
      <c r="CZT1" s="216" t="s">
        <v>3633</v>
      </c>
      <c r="CZU1" s="216" t="s">
        <v>3633</v>
      </c>
      <c r="CZV1" s="216" t="s">
        <v>3633</v>
      </c>
      <c r="CZW1" s="216" t="s">
        <v>3633</v>
      </c>
      <c r="CZX1" s="216" t="s">
        <v>3633</v>
      </c>
      <c r="CZY1" s="216" t="s">
        <v>3633</v>
      </c>
      <c r="CZZ1" s="216" t="s">
        <v>3633</v>
      </c>
      <c r="DAA1" s="216" t="s">
        <v>3633</v>
      </c>
      <c r="DAB1" s="216" t="s">
        <v>3633</v>
      </c>
      <c r="DAC1" s="216" t="s">
        <v>3633</v>
      </c>
      <c r="DAD1" s="216" t="s">
        <v>3633</v>
      </c>
      <c r="DAE1" s="216" t="s">
        <v>3633</v>
      </c>
      <c r="DAF1" s="216" t="s">
        <v>3633</v>
      </c>
      <c r="DAG1" s="216" t="s">
        <v>3633</v>
      </c>
      <c r="DAH1" s="216" t="s">
        <v>3633</v>
      </c>
      <c r="DAI1" s="216" t="s">
        <v>3633</v>
      </c>
      <c r="DAJ1" s="216" t="s">
        <v>3633</v>
      </c>
      <c r="DAK1" s="216" t="s">
        <v>3633</v>
      </c>
      <c r="DAL1" s="216" t="s">
        <v>3633</v>
      </c>
      <c r="DAM1" s="216" t="s">
        <v>3633</v>
      </c>
      <c r="DAN1" s="216" t="s">
        <v>3633</v>
      </c>
      <c r="DAO1" s="216" t="s">
        <v>3633</v>
      </c>
      <c r="DAP1" s="216" t="s">
        <v>3633</v>
      </c>
      <c r="DAQ1" s="216" t="s">
        <v>3633</v>
      </c>
      <c r="DAR1" s="216" t="s">
        <v>3633</v>
      </c>
      <c r="DAS1" s="216" t="s">
        <v>3633</v>
      </c>
      <c r="DAT1" s="216" t="s">
        <v>3633</v>
      </c>
      <c r="DAU1" s="216" t="s">
        <v>3633</v>
      </c>
      <c r="DAV1" s="216" t="s">
        <v>3633</v>
      </c>
      <c r="DAW1" s="216" t="s">
        <v>3633</v>
      </c>
      <c r="DAX1" s="216" t="s">
        <v>3633</v>
      </c>
      <c r="DAY1" s="216" t="s">
        <v>3633</v>
      </c>
      <c r="DAZ1" s="216" t="s">
        <v>3633</v>
      </c>
      <c r="DBA1" s="216" t="s">
        <v>3633</v>
      </c>
      <c r="DBB1" s="216" t="s">
        <v>3633</v>
      </c>
      <c r="DBC1" s="216" t="s">
        <v>3633</v>
      </c>
      <c r="DBD1" s="216" t="s">
        <v>3633</v>
      </c>
      <c r="DBE1" s="216" t="s">
        <v>3633</v>
      </c>
      <c r="DBF1" s="216" t="s">
        <v>3633</v>
      </c>
      <c r="DBG1" s="216" t="s">
        <v>3633</v>
      </c>
      <c r="DBH1" s="216" t="s">
        <v>3633</v>
      </c>
      <c r="DBI1" s="216" t="s">
        <v>3633</v>
      </c>
      <c r="DBJ1" s="216" t="s">
        <v>3633</v>
      </c>
      <c r="DBK1" s="216" t="s">
        <v>3633</v>
      </c>
      <c r="DBL1" s="216" t="s">
        <v>3633</v>
      </c>
      <c r="DBM1" s="216" t="s">
        <v>3633</v>
      </c>
      <c r="DBN1" s="216" t="s">
        <v>3633</v>
      </c>
      <c r="DBO1" s="216" t="s">
        <v>3633</v>
      </c>
      <c r="DBP1" s="216" t="s">
        <v>3633</v>
      </c>
      <c r="DBQ1" s="216" t="s">
        <v>3633</v>
      </c>
      <c r="DBR1" s="216" t="s">
        <v>3633</v>
      </c>
      <c r="DBS1" s="216" t="s">
        <v>3633</v>
      </c>
      <c r="DBT1" s="216" t="s">
        <v>3633</v>
      </c>
      <c r="DBU1" s="216" t="s">
        <v>3633</v>
      </c>
      <c r="DBV1" s="216" t="s">
        <v>3633</v>
      </c>
      <c r="DBW1" s="216" t="s">
        <v>3633</v>
      </c>
      <c r="DBX1" s="216" t="s">
        <v>3633</v>
      </c>
      <c r="DBY1" s="216" t="s">
        <v>3633</v>
      </c>
      <c r="DBZ1" s="216" t="s">
        <v>3633</v>
      </c>
      <c r="DCA1" s="216" t="s">
        <v>3633</v>
      </c>
      <c r="DCB1" s="216" t="s">
        <v>3633</v>
      </c>
      <c r="DCC1" s="216" t="s">
        <v>3633</v>
      </c>
      <c r="DCD1" s="216" t="s">
        <v>3633</v>
      </c>
      <c r="DCE1" s="216" t="s">
        <v>3633</v>
      </c>
      <c r="DCF1" s="216" t="s">
        <v>3633</v>
      </c>
      <c r="DCG1" s="216" t="s">
        <v>3633</v>
      </c>
      <c r="DCH1" s="216" t="s">
        <v>3633</v>
      </c>
      <c r="DCI1" s="216" t="s">
        <v>3633</v>
      </c>
      <c r="DCJ1" s="216" t="s">
        <v>3633</v>
      </c>
      <c r="DCK1" s="216" t="s">
        <v>3633</v>
      </c>
      <c r="DCL1" s="216" t="s">
        <v>3633</v>
      </c>
      <c r="DCM1" s="216" t="s">
        <v>3633</v>
      </c>
      <c r="DCN1" s="216" t="s">
        <v>3633</v>
      </c>
      <c r="DCO1" s="216" t="s">
        <v>3633</v>
      </c>
      <c r="DCP1" s="216" t="s">
        <v>3633</v>
      </c>
      <c r="DCQ1" s="216" t="s">
        <v>3633</v>
      </c>
      <c r="DCR1" s="216" t="s">
        <v>3633</v>
      </c>
      <c r="DCS1" s="216" t="s">
        <v>3633</v>
      </c>
      <c r="DCT1" s="216" t="s">
        <v>3633</v>
      </c>
      <c r="DCU1" s="216" t="s">
        <v>3633</v>
      </c>
      <c r="DCV1" s="216" t="s">
        <v>3633</v>
      </c>
      <c r="DCW1" s="216" t="s">
        <v>3633</v>
      </c>
      <c r="DCX1" s="216" t="s">
        <v>3633</v>
      </c>
      <c r="DCY1" s="216" t="s">
        <v>3633</v>
      </c>
      <c r="DCZ1" s="216" t="s">
        <v>3633</v>
      </c>
      <c r="DDA1" s="216" t="s">
        <v>3633</v>
      </c>
      <c r="DDB1" s="216" t="s">
        <v>3633</v>
      </c>
      <c r="DDC1" s="216" t="s">
        <v>3633</v>
      </c>
      <c r="DDD1" s="216" t="s">
        <v>3633</v>
      </c>
      <c r="DDE1" s="216" t="s">
        <v>3633</v>
      </c>
      <c r="DDF1" s="216" t="s">
        <v>3633</v>
      </c>
      <c r="DDG1" s="216" t="s">
        <v>3633</v>
      </c>
      <c r="DDH1" s="216" t="s">
        <v>3633</v>
      </c>
      <c r="DDI1" s="216" t="s">
        <v>3633</v>
      </c>
      <c r="DDJ1" s="216" t="s">
        <v>3633</v>
      </c>
      <c r="DDK1" s="216" t="s">
        <v>3633</v>
      </c>
      <c r="DDL1" s="216" t="s">
        <v>3633</v>
      </c>
      <c r="DDM1" s="216" t="s">
        <v>3633</v>
      </c>
      <c r="DDN1" s="216" t="s">
        <v>3633</v>
      </c>
      <c r="DDO1" s="216" t="s">
        <v>3633</v>
      </c>
      <c r="DDP1" s="216" t="s">
        <v>3633</v>
      </c>
      <c r="DDQ1" s="216" t="s">
        <v>3633</v>
      </c>
      <c r="DDR1" s="216" t="s">
        <v>3633</v>
      </c>
      <c r="DDS1" s="216" t="s">
        <v>3633</v>
      </c>
      <c r="DDT1" s="216" t="s">
        <v>3633</v>
      </c>
      <c r="DDU1" s="216" t="s">
        <v>3633</v>
      </c>
      <c r="DDV1" s="216" t="s">
        <v>3633</v>
      </c>
      <c r="DDW1" s="216" t="s">
        <v>3633</v>
      </c>
      <c r="DDX1" s="216" t="s">
        <v>3633</v>
      </c>
      <c r="DDY1" s="216" t="s">
        <v>3633</v>
      </c>
      <c r="DDZ1" s="216" t="s">
        <v>3633</v>
      </c>
      <c r="DEA1" s="216" t="s">
        <v>3633</v>
      </c>
      <c r="DEB1" s="216" t="s">
        <v>3633</v>
      </c>
      <c r="DEC1" s="216" t="s">
        <v>3633</v>
      </c>
      <c r="DED1" s="216" t="s">
        <v>3633</v>
      </c>
      <c r="DEE1" s="216" t="s">
        <v>3633</v>
      </c>
      <c r="DEF1" s="216" t="s">
        <v>3633</v>
      </c>
      <c r="DEG1" s="216" t="s">
        <v>3633</v>
      </c>
      <c r="DEH1" s="216" t="s">
        <v>3633</v>
      </c>
      <c r="DEI1" s="216" t="s">
        <v>3633</v>
      </c>
      <c r="DEJ1" s="216" t="s">
        <v>3633</v>
      </c>
      <c r="DEK1" s="216" t="s">
        <v>3633</v>
      </c>
      <c r="DEL1" s="216" t="s">
        <v>3633</v>
      </c>
      <c r="DEM1" s="216" t="s">
        <v>3633</v>
      </c>
      <c r="DEN1" s="216" t="s">
        <v>3633</v>
      </c>
      <c r="DEO1" s="216" t="s">
        <v>3633</v>
      </c>
      <c r="DEP1" s="216" t="s">
        <v>3633</v>
      </c>
      <c r="DEQ1" s="216" t="s">
        <v>3633</v>
      </c>
      <c r="DER1" s="216" t="s">
        <v>3633</v>
      </c>
      <c r="DES1" s="216" t="s">
        <v>3633</v>
      </c>
      <c r="DET1" s="216" t="s">
        <v>3633</v>
      </c>
      <c r="DEU1" s="216" t="s">
        <v>3633</v>
      </c>
      <c r="DEV1" s="216" t="s">
        <v>3633</v>
      </c>
      <c r="DEW1" s="216" t="s">
        <v>3633</v>
      </c>
      <c r="DEX1" s="216" t="s">
        <v>3633</v>
      </c>
      <c r="DEY1" s="216" t="s">
        <v>3633</v>
      </c>
      <c r="DEZ1" s="216" t="s">
        <v>3633</v>
      </c>
      <c r="DFA1" s="216" t="s">
        <v>3633</v>
      </c>
      <c r="DFB1" s="216" t="s">
        <v>3633</v>
      </c>
      <c r="DFC1" s="216" t="s">
        <v>3633</v>
      </c>
      <c r="DFD1" s="216" t="s">
        <v>3633</v>
      </c>
      <c r="DFE1" s="216" t="s">
        <v>3633</v>
      </c>
      <c r="DFF1" s="216" t="s">
        <v>3633</v>
      </c>
      <c r="DFG1" s="216" t="s">
        <v>3633</v>
      </c>
      <c r="DFH1" s="216" t="s">
        <v>3633</v>
      </c>
      <c r="DFI1" s="216" t="s">
        <v>3633</v>
      </c>
      <c r="DFJ1" s="216" t="s">
        <v>3633</v>
      </c>
      <c r="DFK1" s="216" t="s">
        <v>3633</v>
      </c>
      <c r="DFL1" s="216" t="s">
        <v>3633</v>
      </c>
      <c r="DFM1" s="216" t="s">
        <v>3633</v>
      </c>
      <c r="DFN1" s="216" t="s">
        <v>3633</v>
      </c>
      <c r="DFO1" s="216" t="s">
        <v>3633</v>
      </c>
      <c r="DFP1" s="216" t="s">
        <v>3633</v>
      </c>
      <c r="DFQ1" s="216" t="s">
        <v>3633</v>
      </c>
      <c r="DFR1" s="216" t="s">
        <v>3633</v>
      </c>
      <c r="DFS1" s="216" t="s">
        <v>3633</v>
      </c>
      <c r="DFT1" s="216" t="s">
        <v>3633</v>
      </c>
      <c r="DFU1" s="216" t="s">
        <v>3633</v>
      </c>
      <c r="DFV1" s="216" t="s">
        <v>3633</v>
      </c>
      <c r="DFW1" s="216" t="s">
        <v>3633</v>
      </c>
      <c r="DFX1" s="216" t="s">
        <v>3633</v>
      </c>
      <c r="DFY1" s="216" t="s">
        <v>3633</v>
      </c>
      <c r="DFZ1" s="216" t="s">
        <v>3633</v>
      </c>
      <c r="DGA1" s="216" t="s">
        <v>3633</v>
      </c>
      <c r="DGB1" s="216" t="s">
        <v>3633</v>
      </c>
      <c r="DGC1" s="216" t="s">
        <v>3633</v>
      </c>
      <c r="DGD1" s="216" t="s">
        <v>3633</v>
      </c>
      <c r="DGE1" s="216" t="s">
        <v>3633</v>
      </c>
      <c r="DGF1" s="216" t="s">
        <v>3633</v>
      </c>
      <c r="DGG1" s="216" t="s">
        <v>3633</v>
      </c>
      <c r="DGH1" s="216" t="s">
        <v>3633</v>
      </c>
      <c r="DGI1" s="216" t="s">
        <v>3633</v>
      </c>
      <c r="DGJ1" s="216" t="s">
        <v>3633</v>
      </c>
      <c r="DGK1" s="216" t="s">
        <v>3633</v>
      </c>
      <c r="DGL1" s="216" t="s">
        <v>3633</v>
      </c>
      <c r="DGM1" s="216" t="s">
        <v>3633</v>
      </c>
      <c r="DGN1" s="216" t="s">
        <v>3633</v>
      </c>
      <c r="DGO1" s="216" t="s">
        <v>3633</v>
      </c>
      <c r="DGP1" s="216" t="s">
        <v>3633</v>
      </c>
      <c r="DGQ1" s="216" t="s">
        <v>3633</v>
      </c>
      <c r="DGR1" s="216" t="s">
        <v>3633</v>
      </c>
      <c r="DGS1" s="216" t="s">
        <v>3633</v>
      </c>
      <c r="DGT1" s="216" t="s">
        <v>3633</v>
      </c>
      <c r="DGU1" s="216" t="s">
        <v>3633</v>
      </c>
      <c r="DGV1" s="216" t="s">
        <v>3633</v>
      </c>
      <c r="DGW1" s="216" t="s">
        <v>3633</v>
      </c>
      <c r="DGX1" s="216" t="s">
        <v>3633</v>
      </c>
      <c r="DGY1" s="216" t="s">
        <v>3633</v>
      </c>
      <c r="DGZ1" s="216" t="s">
        <v>3633</v>
      </c>
      <c r="DHA1" s="216" t="s">
        <v>3633</v>
      </c>
      <c r="DHB1" s="216" t="s">
        <v>3633</v>
      </c>
      <c r="DHC1" s="216" t="s">
        <v>3633</v>
      </c>
      <c r="DHD1" s="216" t="s">
        <v>3633</v>
      </c>
      <c r="DHE1" s="216" t="s">
        <v>3633</v>
      </c>
      <c r="DHF1" s="216" t="s">
        <v>3633</v>
      </c>
      <c r="DHG1" s="216" t="s">
        <v>3633</v>
      </c>
      <c r="DHH1" s="216" t="s">
        <v>3633</v>
      </c>
      <c r="DHI1" s="216" t="s">
        <v>3633</v>
      </c>
      <c r="DHJ1" s="216" t="s">
        <v>3633</v>
      </c>
      <c r="DHK1" s="216" t="s">
        <v>3633</v>
      </c>
      <c r="DHL1" s="216" t="s">
        <v>3633</v>
      </c>
      <c r="DHM1" s="216" t="s">
        <v>3633</v>
      </c>
      <c r="DHN1" s="216" t="s">
        <v>3633</v>
      </c>
      <c r="DHO1" s="216" t="s">
        <v>3633</v>
      </c>
      <c r="DHP1" s="216" t="s">
        <v>3633</v>
      </c>
      <c r="DHQ1" s="216" t="s">
        <v>3633</v>
      </c>
      <c r="DHR1" s="216" t="s">
        <v>3633</v>
      </c>
      <c r="DHS1" s="216" t="s">
        <v>3633</v>
      </c>
      <c r="DHT1" s="216" t="s">
        <v>3633</v>
      </c>
      <c r="DHU1" s="216" t="s">
        <v>3633</v>
      </c>
      <c r="DHV1" s="216" t="s">
        <v>3633</v>
      </c>
      <c r="DHW1" s="216" t="s">
        <v>3633</v>
      </c>
      <c r="DHX1" s="216" t="s">
        <v>3633</v>
      </c>
      <c r="DHY1" s="216" t="s">
        <v>3633</v>
      </c>
      <c r="DHZ1" s="216" t="s">
        <v>3633</v>
      </c>
      <c r="DIA1" s="216" t="s">
        <v>3633</v>
      </c>
      <c r="DIB1" s="216" t="s">
        <v>3633</v>
      </c>
      <c r="DIC1" s="216" t="s">
        <v>3633</v>
      </c>
      <c r="DID1" s="216" t="s">
        <v>3633</v>
      </c>
      <c r="DIE1" s="216" t="s">
        <v>3633</v>
      </c>
      <c r="DIF1" s="216" t="s">
        <v>3633</v>
      </c>
      <c r="DIG1" s="216" t="s">
        <v>3633</v>
      </c>
      <c r="DIH1" s="216" t="s">
        <v>3633</v>
      </c>
      <c r="DII1" s="216" t="s">
        <v>3633</v>
      </c>
      <c r="DIJ1" s="216" t="s">
        <v>3633</v>
      </c>
      <c r="DIK1" s="216" t="s">
        <v>3633</v>
      </c>
      <c r="DIL1" s="216" t="s">
        <v>3633</v>
      </c>
      <c r="DIM1" s="216" t="s">
        <v>3633</v>
      </c>
      <c r="DIN1" s="216" t="s">
        <v>3633</v>
      </c>
      <c r="DIO1" s="216" t="s">
        <v>3633</v>
      </c>
      <c r="DIP1" s="216" t="s">
        <v>3633</v>
      </c>
      <c r="DIQ1" s="216" t="s">
        <v>3633</v>
      </c>
      <c r="DIR1" s="216" t="s">
        <v>3633</v>
      </c>
      <c r="DIS1" s="216" t="s">
        <v>3633</v>
      </c>
      <c r="DIT1" s="216" t="s">
        <v>3633</v>
      </c>
      <c r="DIU1" s="216" t="s">
        <v>3633</v>
      </c>
      <c r="DIV1" s="216" t="s">
        <v>3633</v>
      </c>
      <c r="DIW1" s="216" t="s">
        <v>3633</v>
      </c>
      <c r="DIX1" s="216" t="s">
        <v>3633</v>
      </c>
      <c r="DIY1" s="216" t="s">
        <v>3633</v>
      </c>
      <c r="DIZ1" s="216" t="s">
        <v>3633</v>
      </c>
      <c r="DJA1" s="216" t="s">
        <v>3633</v>
      </c>
      <c r="DJB1" s="216" t="s">
        <v>3633</v>
      </c>
      <c r="DJC1" s="216" t="s">
        <v>3633</v>
      </c>
      <c r="DJD1" s="216" t="s">
        <v>3633</v>
      </c>
      <c r="DJE1" s="216" t="s">
        <v>3633</v>
      </c>
      <c r="DJF1" s="216" t="s">
        <v>3633</v>
      </c>
      <c r="DJG1" s="216" t="s">
        <v>3633</v>
      </c>
      <c r="DJH1" s="216" t="s">
        <v>3633</v>
      </c>
      <c r="DJI1" s="216" t="s">
        <v>3633</v>
      </c>
      <c r="DJJ1" s="216" t="s">
        <v>3633</v>
      </c>
      <c r="DJK1" s="216" t="s">
        <v>3633</v>
      </c>
      <c r="DJL1" s="216" t="s">
        <v>3633</v>
      </c>
      <c r="DJM1" s="216" t="s">
        <v>3633</v>
      </c>
      <c r="DJN1" s="216" t="s">
        <v>3633</v>
      </c>
      <c r="DJO1" s="216" t="s">
        <v>3633</v>
      </c>
      <c r="DJP1" s="216" t="s">
        <v>3633</v>
      </c>
      <c r="DJQ1" s="216" t="s">
        <v>3633</v>
      </c>
      <c r="DJR1" s="216" t="s">
        <v>3633</v>
      </c>
      <c r="DJS1" s="216" t="s">
        <v>3633</v>
      </c>
      <c r="DJT1" s="216" t="s">
        <v>3633</v>
      </c>
      <c r="DJU1" s="216" t="s">
        <v>3633</v>
      </c>
      <c r="DJV1" s="216" t="s">
        <v>3633</v>
      </c>
      <c r="DJW1" s="216" t="s">
        <v>3633</v>
      </c>
      <c r="DJX1" s="216" t="s">
        <v>3633</v>
      </c>
      <c r="DJY1" s="216" t="s">
        <v>3633</v>
      </c>
      <c r="DJZ1" s="216" t="s">
        <v>3633</v>
      </c>
      <c r="DKA1" s="216" t="s">
        <v>3633</v>
      </c>
      <c r="DKB1" s="216" t="s">
        <v>3633</v>
      </c>
      <c r="DKC1" s="216" t="s">
        <v>3633</v>
      </c>
      <c r="DKD1" s="216" t="s">
        <v>3633</v>
      </c>
      <c r="DKE1" s="216" t="s">
        <v>3633</v>
      </c>
      <c r="DKF1" s="216" t="s">
        <v>3633</v>
      </c>
      <c r="DKG1" s="216" t="s">
        <v>3633</v>
      </c>
      <c r="DKH1" s="216" t="s">
        <v>3633</v>
      </c>
      <c r="DKI1" s="216" t="s">
        <v>3633</v>
      </c>
      <c r="DKJ1" s="216" t="s">
        <v>3633</v>
      </c>
      <c r="DKK1" s="216" t="s">
        <v>3633</v>
      </c>
      <c r="DKL1" s="216" t="s">
        <v>3633</v>
      </c>
      <c r="DKM1" s="216" t="s">
        <v>3633</v>
      </c>
      <c r="DKN1" s="216" t="s">
        <v>3633</v>
      </c>
      <c r="DKO1" s="216" t="s">
        <v>3633</v>
      </c>
      <c r="DKP1" s="216" t="s">
        <v>3633</v>
      </c>
      <c r="DKQ1" s="216" t="s">
        <v>3633</v>
      </c>
      <c r="DKR1" s="216" t="s">
        <v>3633</v>
      </c>
      <c r="DKS1" s="216" t="s">
        <v>3633</v>
      </c>
      <c r="DKT1" s="216" t="s">
        <v>3633</v>
      </c>
      <c r="DKU1" s="216" t="s">
        <v>3633</v>
      </c>
      <c r="DKV1" s="216" t="s">
        <v>3633</v>
      </c>
      <c r="DKW1" s="216" t="s">
        <v>3633</v>
      </c>
      <c r="DKX1" s="216" t="s">
        <v>3633</v>
      </c>
      <c r="DKY1" s="216" t="s">
        <v>3633</v>
      </c>
      <c r="DKZ1" s="216" t="s">
        <v>3633</v>
      </c>
      <c r="DLA1" s="216" t="s">
        <v>3633</v>
      </c>
      <c r="DLB1" s="216" t="s">
        <v>3633</v>
      </c>
      <c r="DLC1" s="216" t="s">
        <v>3633</v>
      </c>
      <c r="DLD1" s="216" t="s">
        <v>3633</v>
      </c>
      <c r="DLE1" s="216" t="s">
        <v>3633</v>
      </c>
      <c r="DLF1" s="216" t="s">
        <v>3633</v>
      </c>
      <c r="DLG1" s="216" t="s">
        <v>3633</v>
      </c>
      <c r="DLH1" s="216" t="s">
        <v>3633</v>
      </c>
      <c r="DLI1" s="216" t="s">
        <v>3633</v>
      </c>
      <c r="DLJ1" s="216" t="s">
        <v>3633</v>
      </c>
      <c r="DLK1" s="216" t="s">
        <v>3633</v>
      </c>
      <c r="DLL1" s="216" t="s">
        <v>3633</v>
      </c>
      <c r="DLM1" s="216" t="s">
        <v>3633</v>
      </c>
      <c r="DLN1" s="216" t="s">
        <v>3633</v>
      </c>
      <c r="DLO1" s="216" t="s">
        <v>3633</v>
      </c>
      <c r="DLP1" s="216" t="s">
        <v>3633</v>
      </c>
      <c r="DLQ1" s="216" t="s">
        <v>3633</v>
      </c>
      <c r="DLR1" s="216" t="s">
        <v>3633</v>
      </c>
      <c r="DLS1" s="216" t="s">
        <v>3633</v>
      </c>
      <c r="DLT1" s="216" t="s">
        <v>3633</v>
      </c>
      <c r="DLU1" s="216" t="s">
        <v>3633</v>
      </c>
      <c r="DLV1" s="216" t="s">
        <v>3633</v>
      </c>
      <c r="DLW1" s="216" t="s">
        <v>3633</v>
      </c>
      <c r="DLX1" s="216" t="s">
        <v>3633</v>
      </c>
      <c r="DLY1" s="216" t="s">
        <v>3633</v>
      </c>
      <c r="DLZ1" s="216" t="s">
        <v>3633</v>
      </c>
      <c r="DMA1" s="216" t="s">
        <v>3633</v>
      </c>
      <c r="DMB1" s="216" t="s">
        <v>3633</v>
      </c>
      <c r="DMC1" s="216" t="s">
        <v>3633</v>
      </c>
      <c r="DMD1" s="216" t="s">
        <v>3633</v>
      </c>
      <c r="DME1" s="216" t="s">
        <v>3633</v>
      </c>
      <c r="DMF1" s="216" t="s">
        <v>3633</v>
      </c>
      <c r="DMG1" s="216" t="s">
        <v>3633</v>
      </c>
      <c r="DMH1" s="216" t="s">
        <v>3633</v>
      </c>
      <c r="DMI1" s="216" t="s">
        <v>3633</v>
      </c>
      <c r="DMJ1" s="216" t="s">
        <v>3633</v>
      </c>
      <c r="DMK1" s="216" t="s">
        <v>3633</v>
      </c>
      <c r="DML1" s="216" t="s">
        <v>3633</v>
      </c>
      <c r="DMM1" s="216" t="s">
        <v>3633</v>
      </c>
      <c r="DMN1" s="216" t="s">
        <v>3633</v>
      </c>
      <c r="DMO1" s="216" t="s">
        <v>3633</v>
      </c>
      <c r="DMP1" s="216" t="s">
        <v>3633</v>
      </c>
      <c r="DMQ1" s="216" t="s">
        <v>3633</v>
      </c>
      <c r="DMR1" s="216" t="s">
        <v>3633</v>
      </c>
      <c r="DMS1" s="216" t="s">
        <v>3633</v>
      </c>
      <c r="DMT1" s="216" t="s">
        <v>3633</v>
      </c>
      <c r="DMU1" s="216" t="s">
        <v>3633</v>
      </c>
      <c r="DMV1" s="216" t="s">
        <v>3633</v>
      </c>
      <c r="DMW1" s="216" t="s">
        <v>3633</v>
      </c>
      <c r="DMX1" s="216" t="s">
        <v>3633</v>
      </c>
      <c r="DMY1" s="216" t="s">
        <v>3633</v>
      </c>
      <c r="DMZ1" s="216" t="s">
        <v>3633</v>
      </c>
      <c r="DNA1" s="216" t="s">
        <v>3633</v>
      </c>
      <c r="DNB1" s="216" t="s">
        <v>3633</v>
      </c>
      <c r="DNC1" s="216" t="s">
        <v>3633</v>
      </c>
      <c r="DND1" s="216" t="s">
        <v>3633</v>
      </c>
      <c r="DNE1" s="216" t="s">
        <v>3633</v>
      </c>
      <c r="DNF1" s="216" t="s">
        <v>3633</v>
      </c>
      <c r="DNG1" s="216" t="s">
        <v>3633</v>
      </c>
      <c r="DNH1" s="216" t="s">
        <v>3633</v>
      </c>
      <c r="DNI1" s="216" t="s">
        <v>3633</v>
      </c>
      <c r="DNJ1" s="216" t="s">
        <v>3633</v>
      </c>
      <c r="DNK1" s="216" t="s">
        <v>3633</v>
      </c>
      <c r="DNL1" s="216" t="s">
        <v>3633</v>
      </c>
      <c r="DNM1" s="216" t="s">
        <v>3633</v>
      </c>
      <c r="DNN1" s="216" t="s">
        <v>3633</v>
      </c>
      <c r="DNO1" s="216" t="s">
        <v>3633</v>
      </c>
      <c r="DNP1" s="216" t="s">
        <v>3633</v>
      </c>
      <c r="DNQ1" s="216" t="s">
        <v>3633</v>
      </c>
      <c r="DNR1" s="216" t="s">
        <v>3633</v>
      </c>
      <c r="DNS1" s="216" t="s">
        <v>3633</v>
      </c>
      <c r="DNT1" s="216" t="s">
        <v>3633</v>
      </c>
      <c r="DNU1" s="216" t="s">
        <v>3633</v>
      </c>
      <c r="DNV1" s="216" t="s">
        <v>3633</v>
      </c>
      <c r="DNW1" s="216" t="s">
        <v>3633</v>
      </c>
      <c r="DNX1" s="216" t="s">
        <v>3633</v>
      </c>
      <c r="DNY1" s="216" t="s">
        <v>3633</v>
      </c>
      <c r="DNZ1" s="216" t="s">
        <v>3633</v>
      </c>
      <c r="DOA1" s="216" t="s">
        <v>3633</v>
      </c>
      <c r="DOB1" s="216" t="s">
        <v>3633</v>
      </c>
      <c r="DOC1" s="216" t="s">
        <v>3633</v>
      </c>
      <c r="DOD1" s="216" t="s">
        <v>3633</v>
      </c>
      <c r="DOE1" s="216" t="s">
        <v>3633</v>
      </c>
      <c r="DOF1" s="216" t="s">
        <v>3633</v>
      </c>
      <c r="DOG1" s="216" t="s">
        <v>3633</v>
      </c>
      <c r="DOH1" s="216" t="s">
        <v>3633</v>
      </c>
      <c r="DOI1" s="216" t="s">
        <v>3633</v>
      </c>
      <c r="DOJ1" s="216" t="s">
        <v>3633</v>
      </c>
      <c r="DOK1" s="216" t="s">
        <v>3633</v>
      </c>
      <c r="DOL1" s="216" t="s">
        <v>3633</v>
      </c>
      <c r="DOM1" s="216" t="s">
        <v>3633</v>
      </c>
      <c r="DON1" s="216" t="s">
        <v>3633</v>
      </c>
      <c r="DOO1" s="216" t="s">
        <v>3633</v>
      </c>
      <c r="DOP1" s="216" t="s">
        <v>3633</v>
      </c>
      <c r="DOQ1" s="216" t="s">
        <v>3633</v>
      </c>
      <c r="DOR1" s="216" t="s">
        <v>3633</v>
      </c>
      <c r="DOS1" s="216" t="s">
        <v>3633</v>
      </c>
      <c r="DOT1" s="216" t="s">
        <v>3633</v>
      </c>
      <c r="DOU1" s="216" t="s">
        <v>3633</v>
      </c>
      <c r="DOV1" s="216" t="s">
        <v>3633</v>
      </c>
      <c r="DOW1" s="216" t="s">
        <v>3633</v>
      </c>
      <c r="DOX1" s="216" t="s">
        <v>3633</v>
      </c>
      <c r="DOY1" s="216" t="s">
        <v>3633</v>
      </c>
      <c r="DOZ1" s="216" t="s">
        <v>3633</v>
      </c>
      <c r="DPA1" s="216" t="s">
        <v>3633</v>
      </c>
      <c r="DPB1" s="216" t="s">
        <v>3633</v>
      </c>
      <c r="DPC1" s="216" t="s">
        <v>3633</v>
      </c>
      <c r="DPD1" s="216" t="s">
        <v>3633</v>
      </c>
      <c r="DPE1" s="216" t="s">
        <v>3633</v>
      </c>
      <c r="DPF1" s="216" t="s">
        <v>3633</v>
      </c>
      <c r="DPG1" s="216" t="s">
        <v>3633</v>
      </c>
      <c r="DPH1" s="216" t="s">
        <v>3633</v>
      </c>
      <c r="DPI1" s="216" t="s">
        <v>3633</v>
      </c>
      <c r="DPJ1" s="216" t="s">
        <v>3633</v>
      </c>
      <c r="DPK1" s="216" t="s">
        <v>3633</v>
      </c>
      <c r="DPL1" s="216" t="s">
        <v>3633</v>
      </c>
      <c r="DPM1" s="216" t="s">
        <v>3633</v>
      </c>
      <c r="DPN1" s="216" t="s">
        <v>3633</v>
      </c>
      <c r="DPO1" s="216" t="s">
        <v>3633</v>
      </c>
      <c r="DPP1" s="216" t="s">
        <v>3633</v>
      </c>
      <c r="DPQ1" s="216" t="s">
        <v>3633</v>
      </c>
      <c r="DPR1" s="216" t="s">
        <v>3633</v>
      </c>
      <c r="DPS1" s="216" t="s">
        <v>3633</v>
      </c>
      <c r="DPT1" s="216" t="s">
        <v>3633</v>
      </c>
      <c r="DPU1" s="216" t="s">
        <v>3633</v>
      </c>
      <c r="DPV1" s="216" t="s">
        <v>3633</v>
      </c>
      <c r="DPW1" s="216" t="s">
        <v>3633</v>
      </c>
      <c r="DPX1" s="216" t="s">
        <v>3633</v>
      </c>
      <c r="DPY1" s="216" t="s">
        <v>3633</v>
      </c>
      <c r="DPZ1" s="216" t="s">
        <v>3633</v>
      </c>
      <c r="DQA1" s="216" t="s">
        <v>3633</v>
      </c>
      <c r="DQB1" s="216" t="s">
        <v>3633</v>
      </c>
      <c r="DQC1" s="216" t="s">
        <v>3633</v>
      </c>
      <c r="DQD1" s="216" t="s">
        <v>3633</v>
      </c>
      <c r="DQE1" s="216" t="s">
        <v>3633</v>
      </c>
      <c r="DQF1" s="216" t="s">
        <v>3633</v>
      </c>
      <c r="DQG1" s="216" t="s">
        <v>3633</v>
      </c>
      <c r="DQH1" s="216" t="s">
        <v>3633</v>
      </c>
      <c r="DQI1" s="216" t="s">
        <v>3633</v>
      </c>
      <c r="DQJ1" s="216" t="s">
        <v>3633</v>
      </c>
      <c r="DQK1" s="216" t="s">
        <v>3633</v>
      </c>
      <c r="DQL1" s="216" t="s">
        <v>3633</v>
      </c>
      <c r="DQM1" s="216" t="s">
        <v>3633</v>
      </c>
      <c r="DQN1" s="216" t="s">
        <v>3633</v>
      </c>
      <c r="DQO1" s="216" t="s">
        <v>3633</v>
      </c>
      <c r="DQP1" s="216" t="s">
        <v>3633</v>
      </c>
      <c r="DQQ1" s="216" t="s">
        <v>3633</v>
      </c>
      <c r="DQR1" s="216" t="s">
        <v>3633</v>
      </c>
      <c r="DQS1" s="216" t="s">
        <v>3633</v>
      </c>
      <c r="DQT1" s="216" t="s">
        <v>3633</v>
      </c>
      <c r="DQU1" s="216" t="s">
        <v>3633</v>
      </c>
      <c r="DQV1" s="216" t="s">
        <v>3633</v>
      </c>
      <c r="DQW1" s="216" t="s">
        <v>3633</v>
      </c>
      <c r="DQX1" s="216" t="s">
        <v>3633</v>
      </c>
      <c r="DQY1" s="216" t="s">
        <v>3633</v>
      </c>
      <c r="DQZ1" s="216" t="s">
        <v>3633</v>
      </c>
      <c r="DRA1" s="216" t="s">
        <v>3633</v>
      </c>
      <c r="DRB1" s="216" t="s">
        <v>3633</v>
      </c>
      <c r="DRC1" s="216" t="s">
        <v>3633</v>
      </c>
      <c r="DRD1" s="216" t="s">
        <v>3633</v>
      </c>
      <c r="DRE1" s="216" t="s">
        <v>3633</v>
      </c>
      <c r="DRF1" s="216" t="s">
        <v>3633</v>
      </c>
      <c r="DRG1" s="216" t="s">
        <v>3633</v>
      </c>
      <c r="DRH1" s="216" t="s">
        <v>3633</v>
      </c>
      <c r="DRI1" s="216" t="s">
        <v>3633</v>
      </c>
      <c r="DRJ1" s="216" t="s">
        <v>3633</v>
      </c>
      <c r="DRK1" s="216" t="s">
        <v>3633</v>
      </c>
      <c r="DRL1" s="216" t="s">
        <v>3633</v>
      </c>
      <c r="DRM1" s="216" t="s">
        <v>3633</v>
      </c>
      <c r="DRN1" s="216" t="s">
        <v>3633</v>
      </c>
      <c r="DRO1" s="216" t="s">
        <v>3633</v>
      </c>
      <c r="DRP1" s="216" t="s">
        <v>3633</v>
      </c>
      <c r="DRQ1" s="216" t="s">
        <v>3633</v>
      </c>
      <c r="DRR1" s="216" t="s">
        <v>3633</v>
      </c>
      <c r="DRS1" s="216" t="s">
        <v>3633</v>
      </c>
      <c r="DRT1" s="216" t="s">
        <v>3633</v>
      </c>
      <c r="DRU1" s="216" t="s">
        <v>3633</v>
      </c>
      <c r="DRV1" s="216" t="s">
        <v>3633</v>
      </c>
      <c r="DRW1" s="216" t="s">
        <v>3633</v>
      </c>
      <c r="DRX1" s="216" t="s">
        <v>3633</v>
      </c>
      <c r="DRY1" s="216" t="s">
        <v>3633</v>
      </c>
      <c r="DRZ1" s="216" t="s">
        <v>3633</v>
      </c>
      <c r="DSA1" s="216" t="s">
        <v>3633</v>
      </c>
      <c r="DSB1" s="216" t="s">
        <v>3633</v>
      </c>
      <c r="DSC1" s="216" t="s">
        <v>3633</v>
      </c>
      <c r="DSD1" s="216" t="s">
        <v>3633</v>
      </c>
      <c r="DSE1" s="216" t="s">
        <v>3633</v>
      </c>
      <c r="DSF1" s="216" t="s">
        <v>3633</v>
      </c>
      <c r="DSG1" s="216" t="s">
        <v>3633</v>
      </c>
      <c r="DSH1" s="216" t="s">
        <v>3633</v>
      </c>
      <c r="DSI1" s="216" t="s">
        <v>3633</v>
      </c>
      <c r="DSJ1" s="216" t="s">
        <v>3633</v>
      </c>
      <c r="DSK1" s="216" t="s">
        <v>3633</v>
      </c>
      <c r="DSL1" s="216" t="s">
        <v>3633</v>
      </c>
      <c r="DSM1" s="216" t="s">
        <v>3633</v>
      </c>
      <c r="DSN1" s="216" t="s">
        <v>3633</v>
      </c>
      <c r="DSO1" s="216" t="s">
        <v>3633</v>
      </c>
      <c r="DSP1" s="216" t="s">
        <v>3633</v>
      </c>
      <c r="DSQ1" s="216" t="s">
        <v>3633</v>
      </c>
      <c r="DSR1" s="216" t="s">
        <v>3633</v>
      </c>
      <c r="DSS1" s="216" t="s">
        <v>3633</v>
      </c>
      <c r="DST1" s="216" t="s">
        <v>3633</v>
      </c>
      <c r="DSU1" s="216" t="s">
        <v>3633</v>
      </c>
      <c r="DSV1" s="216" t="s">
        <v>3633</v>
      </c>
      <c r="DSW1" s="216" t="s">
        <v>3633</v>
      </c>
      <c r="DSX1" s="216" t="s">
        <v>3633</v>
      </c>
      <c r="DSY1" s="216" t="s">
        <v>3633</v>
      </c>
      <c r="DSZ1" s="216" t="s">
        <v>3633</v>
      </c>
      <c r="DTA1" s="216" t="s">
        <v>3633</v>
      </c>
      <c r="DTB1" s="216" t="s">
        <v>3633</v>
      </c>
      <c r="DTC1" s="216" t="s">
        <v>3633</v>
      </c>
      <c r="DTD1" s="216" t="s">
        <v>3633</v>
      </c>
      <c r="DTE1" s="216" t="s">
        <v>3633</v>
      </c>
      <c r="DTF1" s="216" t="s">
        <v>3633</v>
      </c>
      <c r="DTG1" s="216" t="s">
        <v>3633</v>
      </c>
      <c r="DTH1" s="216" t="s">
        <v>3633</v>
      </c>
      <c r="DTI1" s="216" t="s">
        <v>3633</v>
      </c>
      <c r="DTJ1" s="216" t="s">
        <v>3633</v>
      </c>
      <c r="DTK1" s="216" t="s">
        <v>3633</v>
      </c>
      <c r="DTL1" s="216" t="s">
        <v>3633</v>
      </c>
      <c r="DTM1" s="216" t="s">
        <v>3633</v>
      </c>
      <c r="DTN1" s="216" t="s">
        <v>3633</v>
      </c>
      <c r="DTO1" s="216" t="s">
        <v>3633</v>
      </c>
      <c r="DTP1" s="216" t="s">
        <v>3633</v>
      </c>
      <c r="DTQ1" s="216" t="s">
        <v>3633</v>
      </c>
      <c r="DTR1" s="216" t="s">
        <v>3633</v>
      </c>
      <c r="DTS1" s="216" t="s">
        <v>3633</v>
      </c>
      <c r="DTT1" s="216" t="s">
        <v>3633</v>
      </c>
      <c r="DTU1" s="216" t="s">
        <v>3633</v>
      </c>
      <c r="DTV1" s="216" t="s">
        <v>3633</v>
      </c>
      <c r="DTW1" s="216" t="s">
        <v>3633</v>
      </c>
      <c r="DTX1" s="216" t="s">
        <v>3633</v>
      </c>
      <c r="DTY1" s="216" t="s">
        <v>3633</v>
      </c>
      <c r="DTZ1" s="216" t="s">
        <v>3633</v>
      </c>
      <c r="DUA1" s="216" t="s">
        <v>3633</v>
      </c>
      <c r="DUB1" s="216" t="s">
        <v>3633</v>
      </c>
      <c r="DUC1" s="216" t="s">
        <v>3633</v>
      </c>
      <c r="DUD1" s="216" t="s">
        <v>3633</v>
      </c>
      <c r="DUE1" s="216" t="s">
        <v>3633</v>
      </c>
      <c r="DUF1" s="216" t="s">
        <v>3633</v>
      </c>
      <c r="DUG1" s="216" t="s">
        <v>3633</v>
      </c>
      <c r="DUH1" s="216" t="s">
        <v>3633</v>
      </c>
      <c r="DUI1" s="216" t="s">
        <v>3633</v>
      </c>
      <c r="DUJ1" s="216" t="s">
        <v>3633</v>
      </c>
      <c r="DUK1" s="216" t="s">
        <v>3633</v>
      </c>
      <c r="DUL1" s="216" t="s">
        <v>3633</v>
      </c>
      <c r="DUM1" s="216" t="s">
        <v>3633</v>
      </c>
      <c r="DUN1" s="216" t="s">
        <v>3633</v>
      </c>
      <c r="DUO1" s="216" t="s">
        <v>3633</v>
      </c>
      <c r="DUP1" s="216" t="s">
        <v>3633</v>
      </c>
      <c r="DUQ1" s="216" t="s">
        <v>3633</v>
      </c>
      <c r="DUR1" s="216" t="s">
        <v>3633</v>
      </c>
      <c r="DUS1" s="216" t="s">
        <v>3633</v>
      </c>
      <c r="DUT1" s="216" t="s">
        <v>3633</v>
      </c>
      <c r="DUU1" s="216" t="s">
        <v>3633</v>
      </c>
      <c r="DUV1" s="216" t="s">
        <v>3633</v>
      </c>
      <c r="DUW1" s="216" t="s">
        <v>3633</v>
      </c>
      <c r="DUX1" s="216" t="s">
        <v>3633</v>
      </c>
      <c r="DUY1" s="216" t="s">
        <v>3633</v>
      </c>
      <c r="DUZ1" s="216" t="s">
        <v>3633</v>
      </c>
      <c r="DVA1" s="216" t="s">
        <v>3633</v>
      </c>
      <c r="DVB1" s="216" t="s">
        <v>3633</v>
      </c>
      <c r="DVC1" s="216" t="s">
        <v>3633</v>
      </c>
      <c r="DVD1" s="216" t="s">
        <v>3633</v>
      </c>
      <c r="DVE1" s="216" t="s">
        <v>3633</v>
      </c>
      <c r="DVF1" s="216" t="s">
        <v>3633</v>
      </c>
      <c r="DVG1" s="216" t="s">
        <v>3633</v>
      </c>
      <c r="DVH1" s="216" t="s">
        <v>3633</v>
      </c>
      <c r="DVI1" s="216" t="s">
        <v>3633</v>
      </c>
      <c r="DVJ1" s="216" t="s">
        <v>3633</v>
      </c>
      <c r="DVK1" s="216" t="s">
        <v>3633</v>
      </c>
      <c r="DVL1" s="216" t="s">
        <v>3633</v>
      </c>
      <c r="DVM1" s="216" t="s">
        <v>3633</v>
      </c>
      <c r="DVN1" s="216" t="s">
        <v>3633</v>
      </c>
      <c r="DVO1" s="216" t="s">
        <v>3633</v>
      </c>
      <c r="DVP1" s="216" t="s">
        <v>3633</v>
      </c>
      <c r="DVQ1" s="216" t="s">
        <v>3633</v>
      </c>
      <c r="DVR1" s="216" t="s">
        <v>3633</v>
      </c>
      <c r="DVS1" s="216" t="s">
        <v>3633</v>
      </c>
      <c r="DVT1" s="216" t="s">
        <v>3633</v>
      </c>
      <c r="DVU1" s="216" t="s">
        <v>3633</v>
      </c>
      <c r="DVV1" s="216" t="s">
        <v>3633</v>
      </c>
      <c r="DVW1" s="216" t="s">
        <v>3633</v>
      </c>
      <c r="DVX1" s="216" t="s">
        <v>3633</v>
      </c>
      <c r="DVY1" s="216" t="s">
        <v>3633</v>
      </c>
      <c r="DVZ1" s="216" t="s">
        <v>3633</v>
      </c>
      <c r="DWA1" s="216" t="s">
        <v>3633</v>
      </c>
      <c r="DWB1" s="216" t="s">
        <v>3633</v>
      </c>
      <c r="DWC1" s="216" t="s">
        <v>3633</v>
      </c>
      <c r="DWD1" s="216" t="s">
        <v>3633</v>
      </c>
      <c r="DWE1" s="216" t="s">
        <v>3633</v>
      </c>
      <c r="DWF1" s="216" t="s">
        <v>3633</v>
      </c>
      <c r="DWG1" s="216" t="s">
        <v>3633</v>
      </c>
      <c r="DWH1" s="216" t="s">
        <v>3633</v>
      </c>
      <c r="DWI1" s="216" t="s">
        <v>3633</v>
      </c>
      <c r="DWJ1" s="216" t="s">
        <v>3633</v>
      </c>
      <c r="DWK1" s="216" t="s">
        <v>3633</v>
      </c>
      <c r="DWL1" s="216" t="s">
        <v>3633</v>
      </c>
      <c r="DWM1" s="216" t="s">
        <v>3633</v>
      </c>
      <c r="DWN1" s="216" t="s">
        <v>3633</v>
      </c>
      <c r="DWO1" s="216" t="s">
        <v>3633</v>
      </c>
      <c r="DWP1" s="216" t="s">
        <v>3633</v>
      </c>
      <c r="DWQ1" s="216" t="s">
        <v>3633</v>
      </c>
      <c r="DWR1" s="216" t="s">
        <v>3633</v>
      </c>
      <c r="DWS1" s="216" t="s">
        <v>3633</v>
      </c>
      <c r="DWT1" s="216" t="s">
        <v>3633</v>
      </c>
      <c r="DWU1" s="216" t="s">
        <v>3633</v>
      </c>
      <c r="DWV1" s="216" t="s">
        <v>3633</v>
      </c>
      <c r="DWW1" s="216" t="s">
        <v>3633</v>
      </c>
      <c r="DWX1" s="216" t="s">
        <v>3633</v>
      </c>
      <c r="DWY1" s="216" t="s">
        <v>3633</v>
      </c>
      <c r="DWZ1" s="216" t="s">
        <v>3633</v>
      </c>
      <c r="DXA1" s="216" t="s">
        <v>3633</v>
      </c>
      <c r="DXB1" s="216" t="s">
        <v>3633</v>
      </c>
      <c r="DXC1" s="216" t="s">
        <v>3633</v>
      </c>
      <c r="DXD1" s="216" t="s">
        <v>3633</v>
      </c>
      <c r="DXE1" s="216" t="s">
        <v>3633</v>
      </c>
      <c r="DXF1" s="216" t="s">
        <v>3633</v>
      </c>
      <c r="DXG1" s="216" t="s">
        <v>3633</v>
      </c>
      <c r="DXH1" s="216" t="s">
        <v>3633</v>
      </c>
      <c r="DXI1" s="216" t="s">
        <v>3633</v>
      </c>
      <c r="DXJ1" s="216" t="s">
        <v>3633</v>
      </c>
      <c r="DXK1" s="216" t="s">
        <v>3633</v>
      </c>
      <c r="DXL1" s="216" t="s">
        <v>3633</v>
      </c>
      <c r="DXM1" s="216" t="s">
        <v>3633</v>
      </c>
      <c r="DXN1" s="216" t="s">
        <v>3633</v>
      </c>
      <c r="DXO1" s="216" t="s">
        <v>3633</v>
      </c>
      <c r="DXP1" s="216" t="s">
        <v>3633</v>
      </c>
      <c r="DXQ1" s="216" t="s">
        <v>3633</v>
      </c>
      <c r="DXR1" s="216" t="s">
        <v>3633</v>
      </c>
      <c r="DXS1" s="216" t="s">
        <v>3633</v>
      </c>
      <c r="DXT1" s="216" t="s">
        <v>3633</v>
      </c>
      <c r="DXU1" s="216" t="s">
        <v>3633</v>
      </c>
      <c r="DXV1" s="216" t="s">
        <v>3633</v>
      </c>
      <c r="DXW1" s="216" t="s">
        <v>3633</v>
      </c>
      <c r="DXX1" s="216" t="s">
        <v>3633</v>
      </c>
      <c r="DXY1" s="216" t="s">
        <v>3633</v>
      </c>
      <c r="DXZ1" s="216" t="s">
        <v>3633</v>
      </c>
      <c r="DYA1" s="216" t="s">
        <v>3633</v>
      </c>
      <c r="DYB1" s="216" t="s">
        <v>3633</v>
      </c>
      <c r="DYC1" s="216" t="s">
        <v>3633</v>
      </c>
      <c r="DYD1" s="216" t="s">
        <v>3633</v>
      </c>
      <c r="DYE1" s="216" t="s">
        <v>3633</v>
      </c>
      <c r="DYF1" s="216" t="s">
        <v>3633</v>
      </c>
      <c r="DYG1" s="216" t="s">
        <v>3633</v>
      </c>
      <c r="DYH1" s="216" t="s">
        <v>3633</v>
      </c>
      <c r="DYI1" s="216" t="s">
        <v>3633</v>
      </c>
      <c r="DYJ1" s="216" t="s">
        <v>3633</v>
      </c>
      <c r="DYK1" s="216" t="s">
        <v>3633</v>
      </c>
      <c r="DYL1" s="216" t="s">
        <v>3633</v>
      </c>
      <c r="DYM1" s="216" t="s">
        <v>3633</v>
      </c>
      <c r="DYN1" s="216" t="s">
        <v>3633</v>
      </c>
      <c r="DYO1" s="216" t="s">
        <v>3633</v>
      </c>
      <c r="DYP1" s="216" t="s">
        <v>3633</v>
      </c>
      <c r="DYQ1" s="216" t="s">
        <v>3633</v>
      </c>
      <c r="DYR1" s="216" t="s">
        <v>3633</v>
      </c>
      <c r="DYS1" s="216" t="s">
        <v>3633</v>
      </c>
      <c r="DYT1" s="216" t="s">
        <v>3633</v>
      </c>
      <c r="DYU1" s="216" t="s">
        <v>3633</v>
      </c>
      <c r="DYV1" s="216" t="s">
        <v>3633</v>
      </c>
      <c r="DYW1" s="216" t="s">
        <v>3633</v>
      </c>
      <c r="DYX1" s="216" t="s">
        <v>3633</v>
      </c>
      <c r="DYY1" s="216" t="s">
        <v>3633</v>
      </c>
      <c r="DYZ1" s="216" t="s">
        <v>3633</v>
      </c>
      <c r="DZA1" s="216" t="s">
        <v>3633</v>
      </c>
      <c r="DZB1" s="216" t="s">
        <v>3633</v>
      </c>
      <c r="DZC1" s="216" t="s">
        <v>3633</v>
      </c>
      <c r="DZD1" s="216" t="s">
        <v>3633</v>
      </c>
      <c r="DZE1" s="216" t="s">
        <v>3633</v>
      </c>
      <c r="DZF1" s="216" t="s">
        <v>3633</v>
      </c>
      <c r="DZG1" s="216" t="s">
        <v>3633</v>
      </c>
      <c r="DZH1" s="216" t="s">
        <v>3633</v>
      </c>
      <c r="DZI1" s="216" t="s">
        <v>3633</v>
      </c>
      <c r="DZJ1" s="216" t="s">
        <v>3633</v>
      </c>
      <c r="DZK1" s="216" t="s">
        <v>3633</v>
      </c>
      <c r="DZL1" s="216" t="s">
        <v>3633</v>
      </c>
      <c r="DZM1" s="216" t="s">
        <v>3633</v>
      </c>
      <c r="DZN1" s="216" t="s">
        <v>3633</v>
      </c>
      <c r="DZO1" s="216" t="s">
        <v>3633</v>
      </c>
      <c r="DZP1" s="216" t="s">
        <v>3633</v>
      </c>
      <c r="DZQ1" s="216" t="s">
        <v>3633</v>
      </c>
      <c r="DZR1" s="216" t="s">
        <v>3633</v>
      </c>
      <c r="DZS1" s="216" t="s">
        <v>3633</v>
      </c>
      <c r="DZT1" s="216" t="s">
        <v>3633</v>
      </c>
      <c r="DZU1" s="216" t="s">
        <v>3633</v>
      </c>
      <c r="DZV1" s="216" t="s">
        <v>3633</v>
      </c>
      <c r="DZW1" s="216" t="s">
        <v>3633</v>
      </c>
      <c r="DZX1" s="216" t="s">
        <v>3633</v>
      </c>
      <c r="DZY1" s="216" t="s">
        <v>3633</v>
      </c>
      <c r="DZZ1" s="216" t="s">
        <v>3633</v>
      </c>
      <c r="EAA1" s="216" t="s">
        <v>3633</v>
      </c>
      <c r="EAB1" s="216" t="s">
        <v>3633</v>
      </c>
      <c r="EAC1" s="216" t="s">
        <v>3633</v>
      </c>
      <c r="EAD1" s="216" t="s">
        <v>3633</v>
      </c>
      <c r="EAE1" s="216" t="s">
        <v>3633</v>
      </c>
      <c r="EAF1" s="216" t="s">
        <v>3633</v>
      </c>
      <c r="EAG1" s="216" t="s">
        <v>3633</v>
      </c>
      <c r="EAH1" s="216" t="s">
        <v>3633</v>
      </c>
      <c r="EAI1" s="216" t="s">
        <v>3633</v>
      </c>
      <c r="EAJ1" s="216" t="s">
        <v>3633</v>
      </c>
      <c r="EAK1" s="216" t="s">
        <v>3633</v>
      </c>
      <c r="EAL1" s="216" t="s">
        <v>3633</v>
      </c>
      <c r="EAM1" s="216" t="s">
        <v>3633</v>
      </c>
      <c r="EAN1" s="216" t="s">
        <v>3633</v>
      </c>
      <c r="EAO1" s="216" t="s">
        <v>3633</v>
      </c>
      <c r="EAP1" s="216" t="s">
        <v>3633</v>
      </c>
      <c r="EAQ1" s="216" t="s">
        <v>3633</v>
      </c>
      <c r="EAR1" s="216" t="s">
        <v>3633</v>
      </c>
      <c r="EAS1" s="216" t="s">
        <v>3633</v>
      </c>
      <c r="EAT1" s="216" t="s">
        <v>3633</v>
      </c>
      <c r="EAU1" s="216" t="s">
        <v>3633</v>
      </c>
      <c r="EAV1" s="216" t="s">
        <v>3633</v>
      </c>
      <c r="EAW1" s="216" t="s">
        <v>3633</v>
      </c>
      <c r="EAX1" s="216" t="s">
        <v>3633</v>
      </c>
      <c r="EAY1" s="216" t="s">
        <v>3633</v>
      </c>
      <c r="EAZ1" s="216" t="s">
        <v>3633</v>
      </c>
      <c r="EBA1" s="216" t="s">
        <v>3633</v>
      </c>
      <c r="EBB1" s="216" t="s">
        <v>3633</v>
      </c>
      <c r="EBC1" s="216" t="s">
        <v>3633</v>
      </c>
      <c r="EBD1" s="216" t="s">
        <v>3633</v>
      </c>
      <c r="EBE1" s="216" t="s">
        <v>3633</v>
      </c>
      <c r="EBF1" s="216" t="s">
        <v>3633</v>
      </c>
      <c r="EBG1" s="216" t="s">
        <v>3633</v>
      </c>
      <c r="EBH1" s="216" t="s">
        <v>3633</v>
      </c>
      <c r="EBI1" s="216" t="s">
        <v>3633</v>
      </c>
      <c r="EBJ1" s="216" t="s">
        <v>3633</v>
      </c>
      <c r="EBK1" s="216" t="s">
        <v>3633</v>
      </c>
      <c r="EBL1" s="216" t="s">
        <v>3633</v>
      </c>
      <c r="EBM1" s="216" t="s">
        <v>3633</v>
      </c>
      <c r="EBN1" s="216" t="s">
        <v>3633</v>
      </c>
      <c r="EBO1" s="216" t="s">
        <v>3633</v>
      </c>
      <c r="EBP1" s="216" t="s">
        <v>3633</v>
      </c>
      <c r="EBQ1" s="216" t="s">
        <v>3633</v>
      </c>
      <c r="EBR1" s="216" t="s">
        <v>3633</v>
      </c>
      <c r="EBS1" s="216" t="s">
        <v>3633</v>
      </c>
      <c r="EBT1" s="216" t="s">
        <v>3633</v>
      </c>
      <c r="EBU1" s="216" t="s">
        <v>3633</v>
      </c>
      <c r="EBV1" s="216" t="s">
        <v>3633</v>
      </c>
      <c r="EBW1" s="216" t="s">
        <v>3633</v>
      </c>
      <c r="EBX1" s="216" t="s">
        <v>3633</v>
      </c>
      <c r="EBY1" s="216" t="s">
        <v>3633</v>
      </c>
      <c r="EBZ1" s="216" t="s">
        <v>3633</v>
      </c>
      <c r="ECA1" s="216" t="s">
        <v>3633</v>
      </c>
      <c r="ECB1" s="216" t="s">
        <v>3633</v>
      </c>
      <c r="ECC1" s="216" t="s">
        <v>3633</v>
      </c>
      <c r="ECD1" s="216" t="s">
        <v>3633</v>
      </c>
      <c r="ECE1" s="216" t="s">
        <v>3633</v>
      </c>
      <c r="ECF1" s="216" t="s">
        <v>3633</v>
      </c>
      <c r="ECG1" s="216" t="s">
        <v>3633</v>
      </c>
      <c r="ECH1" s="216" t="s">
        <v>3633</v>
      </c>
      <c r="ECI1" s="216" t="s">
        <v>3633</v>
      </c>
      <c r="ECJ1" s="216" t="s">
        <v>3633</v>
      </c>
      <c r="ECK1" s="216" t="s">
        <v>3633</v>
      </c>
      <c r="ECL1" s="216" t="s">
        <v>3633</v>
      </c>
      <c r="ECM1" s="216" t="s">
        <v>3633</v>
      </c>
      <c r="ECN1" s="216" t="s">
        <v>3633</v>
      </c>
      <c r="ECO1" s="216" t="s">
        <v>3633</v>
      </c>
      <c r="ECP1" s="216" t="s">
        <v>3633</v>
      </c>
      <c r="ECQ1" s="216" t="s">
        <v>3633</v>
      </c>
      <c r="ECR1" s="216" t="s">
        <v>3633</v>
      </c>
      <c r="ECS1" s="216" t="s">
        <v>3633</v>
      </c>
      <c r="ECT1" s="216" t="s">
        <v>3633</v>
      </c>
      <c r="ECU1" s="216" t="s">
        <v>3633</v>
      </c>
      <c r="ECV1" s="216" t="s">
        <v>3633</v>
      </c>
      <c r="ECW1" s="216" t="s">
        <v>3633</v>
      </c>
      <c r="ECX1" s="216" t="s">
        <v>3633</v>
      </c>
      <c r="ECY1" s="216" t="s">
        <v>3633</v>
      </c>
      <c r="ECZ1" s="216" t="s">
        <v>3633</v>
      </c>
      <c r="EDA1" s="216" t="s">
        <v>3633</v>
      </c>
      <c r="EDB1" s="216" t="s">
        <v>3633</v>
      </c>
      <c r="EDC1" s="216" t="s">
        <v>3633</v>
      </c>
      <c r="EDD1" s="216" t="s">
        <v>3633</v>
      </c>
      <c r="EDE1" s="216" t="s">
        <v>3633</v>
      </c>
      <c r="EDF1" s="216" t="s">
        <v>3633</v>
      </c>
      <c r="EDG1" s="216" t="s">
        <v>3633</v>
      </c>
      <c r="EDH1" s="216" t="s">
        <v>3633</v>
      </c>
      <c r="EDI1" s="216" t="s">
        <v>3633</v>
      </c>
      <c r="EDJ1" s="216" t="s">
        <v>3633</v>
      </c>
      <c r="EDK1" s="216" t="s">
        <v>3633</v>
      </c>
      <c r="EDL1" s="216" t="s">
        <v>3633</v>
      </c>
      <c r="EDM1" s="216" t="s">
        <v>3633</v>
      </c>
      <c r="EDN1" s="216" t="s">
        <v>3633</v>
      </c>
      <c r="EDO1" s="216" t="s">
        <v>3633</v>
      </c>
      <c r="EDP1" s="216" t="s">
        <v>3633</v>
      </c>
      <c r="EDQ1" s="216" t="s">
        <v>3633</v>
      </c>
      <c r="EDR1" s="216" t="s">
        <v>3633</v>
      </c>
      <c r="EDS1" s="216" t="s">
        <v>3633</v>
      </c>
      <c r="EDT1" s="216" t="s">
        <v>3633</v>
      </c>
      <c r="EDU1" s="216" t="s">
        <v>3633</v>
      </c>
      <c r="EDV1" s="216" t="s">
        <v>3633</v>
      </c>
      <c r="EDW1" s="216" t="s">
        <v>3633</v>
      </c>
      <c r="EDX1" s="216" t="s">
        <v>3633</v>
      </c>
      <c r="EDY1" s="216" t="s">
        <v>3633</v>
      </c>
      <c r="EDZ1" s="216" t="s">
        <v>3633</v>
      </c>
      <c r="EEA1" s="216" t="s">
        <v>3633</v>
      </c>
      <c r="EEB1" s="216" t="s">
        <v>3633</v>
      </c>
      <c r="EEC1" s="216" t="s">
        <v>3633</v>
      </c>
      <c r="EED1" s="216" t="s">
        <v>3633</v>
      </c>
      <c r="EEE1" s="216" t="s">
        <v>3633</v>
      </c>
      <c r="EEF1" s="216" t="s">
        <v>3633</v>
      </c>
      <c r="EEG1" s="216" t="s">
        <v>3633</v>
      </c>
      <c r="EEH1" s="216" t="s">
        <v>3633</v>
      </c>
      <c r="EEI1" s="216" t="s">
        <v>3633</v>
      </c>
      <c r="EEJ1" s="216" t="s">
        <v>3633</v>
      </c>
      <c r="EEK1" s="216" t="s">
        <v>3633</v>
      </c>
      <c r="EEL1" s="216" t="s">
        <v>3633</v>
      </c>
      <c r="EEM1" s="216" t="s">
        <v>3633</v>
      </c>
      <c r="EEN1" s="216" t="s">
        <v>3633</v>
      </c>
      <c r="EEO1" s="216" t="s">
        <v>3633</v>
      </c>
      <c r="EEP1" s="216" t="s">
        <v>3633</v>
      </c>
      <c r="EEQ1" s="216" t="s">
        <v>3633</v>
      </c>
      <c r="EER1" s="216" t="s">
        <v>3633</v>
      </c>
      <c r="EES1" s="216" t="s">
        <v>3633</v>
      </c>
      <c r="EET1" s="216" t="s">
        <v>3633</v>
      </c>
      <c r="EEU1" s="216" t="s">
        <v>3633</v>
      </c>
      <c r="EEV1" s="216" t="s">
        <v>3633</v>
      </c>
      <c r="EEW1" s="216" t="s">
        <v>3633</v>
      </c>
      <c r="EEX1" s="216" t="s">
        <v>3633</v>
      </c>
      <c r="EEY1" s="216" t="s">
        <v>3633</v>
      </c>
      <c r="EEZ1" s="216" t="s">
        <v>3633</v>
      </c>
      <c r="EFA1" s="216" t="s">
        <v>3633</v>
      </c>
      <c r="EFB1" s="216" t="s">
        <v>3633</v>
      </c>
      <c r="EFC1" s="216" t="s">
        <v>3633</v>
      </c>
      <c r="EFD1" s="216" t="s">
        <v>3633</v>
      </c>
      <c r="EFE1" s="216" t="s">
        <v>3633</v>
      </c>
      <c r="EFF1" s="216" t="s">
        <v>3633</v>
      </c>
      <c r="EFG1" s="216" t="s">
        <v>3633</v>
      </c>
      <c r="EFH1" s="216" t="s">
        <v>3633</v>
      </c>
      <c r="EFI1" s="216" t="s">
        <v>3633</v>
      </c>
      <c r="EFJ1" s="216" t="s">
        <v>3633</v>
      </c>
      <c r="EFK1" s="216" t="s">
        <v>3633</v>
      </c>
      <c r="EFL1" s="216" t="s">
        <v>3633</v>
      </c>
      <c r="EFM1" s="216" t="s">
        <v>3633</v>
      </c>
      <c r="EFN1" s="216" t="s">
        <v>3633</v>
      </c>
      <c r="EFO1" s="216" t="s">
        <v>3633</v>
      </c>
      <c r="EFP1" s="216" t="s">
        <v>3633</v>
      </c>
      <c r="EFQ1" s="216" t="s">
        <v>3633</v>
      </c>
      <c r="EFR1" s="216" t="s">
        <v>3633</v>
      </c>
      <c r="EFS1" s="216" t="s">
        <v>3633</v>
      </c>
      <c r="EFT1" s="216" t="s">
        <v>3633</v>
      </c>
      <c r="EFU1" s="216" t="s">
        <v>3633</v>
      </c>
      <c r="EFV1" s="216" t="s">
        <v>3633</v>
      </c>
      <c r="EFW1" s="216" t="s">
        <v>3633</v>
      </c>
      <c r="EFX1" s="216" t="s">
        <v>3633</v>
      </c>
      <c r="EFY1" s="216" t="s">
        <v>3633</v>
      </c>
      <c r="EFZ1" s="216" t="s">
        <v>3633</v>
      </c>
      <c r="EGA1" s="216" t="s">
        <v>3633</v>
      </c>
      <c r="EGB1" s="216" t="s">
        <v>3633</v>
      </c>
      <c r="EGC1" s="216" t="s">
        <v>3633</v>
      </c>
      <c r="EGD1" s="216" t="s">
        <v>3633</v>
      </c>
      <c r="EGE1" s="216" t="s">
        <v>3633</v>
      </c>
      <c r="EGF1" s="216" t="s">
        <v>3633</v>
      </c>
      <c r="EGG1" s="216" t="s">
        <v>3633</v>
      </c>
      <c r="EGH1" s="216" t="s">
        <v>3633</v>
      </c>
      <c r="EGI1" s="216" t="s">
        <v>3633</v>
      </c>
      <c r="EGJ1" s="216" t="s">
        <v>3633</v>
      </c>
      <c r="EGK1" s="216" t="s">
        <v>3633</v>
      </c>
      <c r="EGL1" s="216" t="s">
        <v>3633</v>
      </c>
      <c r="EGM1" s="216" t="s">
        <v>3633</v>
      </c>
      <c r="EGN1" s="216" t="s">
        <v>3633</v>
      </c>
      <c r="EGO1" s="216" t="s">
        <v>3633</v>
      </c>
      <c r="EGP1" s="216" t="s">
        <v>3633</v>
      </c>
      <c r="EGQ1" s="216" t="s">
        <v>3633</v>
      </c>
      <c r="EGR1" s="216" t="s">
        <v>3633</v>
      </c>
      <c r="EGS1" s="216" t="s">
        <v>3633</v>
      </c>
      <c r="EGT1" s="216" t="s">
        <v>3633</v>
      </c>
      <c r="EGU1" s="216" t="s">
        <v>3633</v>
      </c>
      <c r="EGV1" s="216" t="s">
        <v>3633</v>
      </c>
      <c r="EGW1" s="216" t="s">
        <v>3633</v>
      </c>
      <c r="EGX1" s="216" t="s">
        <v>3633</v>
      </c>
      <c r="EGY1" s="216" t="s">
        <v>3633</v>
      </c>
      <c r="EGZ1" s="216" t="s">
        <v>3633</v>
      </c>
      <c r="EHA1" s="216" t="s">
        <v>3633</v>
      </c>
      <c r="EHB1" s="216" t="s">
        <v>3633</v>
      </c>
      <c r="EHC1" s="216" t="s">
        <v>3633</v>
      </c>
      <c r="EHD1" s="216" t="s">
        <v>3633</v>
      </c>
      <c r="EHE1" s="216" t="s">
        <v>3633</v>
      </c>
      <c r="EHF1" s="216" t="s">
        <v>3633</v>
      </c>
      <c r="EHG1" s="216" t="s">
        <v>3633</v>
      </c>
      <c r="EHH1" s="216" t="s">
        <v>3633</v>
      </c>
      <c r="EHI1" s="216" t="s">
        <v>3633</v>
      </c>
      <c r="EHJ1" s="216" t="s">
        <v>3633</v>
      </c>
      <c r="EHK1" s="216" t="s">
        <v>3633</v>
      </c>
      <c r="EHL1" s="216" t="s">
        <v>3633</v>
      </c>
      <c r="EHM1" s="216" t="s">
        <v>3633</v>
      </c>
      <c r="EHN1" s="216" t="s">
        <v>3633</v>
      </c>
      <c r="EHO1" s="216" t="s">
        <v>3633</v>
      </c>
      <c r="EHP1" s="216" t="s">
        <v>3633</v>
      </c>
      <c r="EHQ1" s="216" t="s">
        <v>3633</v>
      </c>
      <c r="EHR1" s="216" t="s">
        <v>3633</v>
      </c>
      <c r="EHS1" s="216" t="s">
        <v>3633</v>
      </c>
      <c r="EHT1" s="216" t="s">
        <v>3633</v>
      </c>
      <c r="EHU1" s="216" t="s">
        <v>3633</v>
      </c>
      <c r="EHV1" s="216" t="s">
        <v>3633</v>
      </c>
      <c r="EHW1" s="216" t="s">
        <v>3633</v>
      </c>
      <c r="EHX1" s="216" t="s">
        <v>3633</v>
      </c>
      <c r="EHY1" s="216" t="s">
        <v>3633</v>
      </c>
      <c r="EHZ1" s="216" t="s">
        <v>3633</v>
      </c>
      <c r="EIA1" s="216" t="s">
        <v>3633</v>
      </c>
      <c r="EIB1" s="216" t="s">
        <v>3633</v>
      </c>
      <c r="EIC1" s="216" t="s">
        <v>3633</v>
      </c>
      <c r="EID1" s="216" t="s">
        <v>3633</v>
      </c>
      <c r="EIE1" s="216" t="s">
        <v>3633</v>
      </c>
      <c r="EIF1" s="216" t="s">
        <v>3633</v>
      </c>
      <c r="EIG1" s="216" t="s">
        <v>3633</v>
      </c>
      <c r="EIH1" s="216" t="s">
        <v>3633</v>
      </c>
      <c r="EII1" s="216" t="s">
        <v>3633</v>
      </c>
      <c r="EIJ1" s="216" t="s">
        <v>3633</v>
      </c>
      <c r="EIK1" s="216" t="s">
        <v>3633</v>
      </c>
      <c r="EIL1" s="216" t="s">
        <v>3633</v>
      </c>
      <c r="EIM1" s="216" t="s">
        <v>3633</v>
      </c>
      <c r="EIN1" s="216" t="s">
        <v>3633</v>
      </c>
      <c r="EIO1" s="216" t="s">
        <v>3633</v>
      </c>
      <c r="EIP1" s="216" t="s">
        <v>3633</v>
      </c>
      <c r="EIQ1" s="216" t="s">
        <v>3633</v>
      </c>
      <c r="EIR1" s="216" t="s">
        <v>3633</v>
      </c>
      <c r="EIS1" s="216" t="s">
        <v>3633</v>
      </c>
      <c r="EIT1" s="216" t="s">
        <v>3633</v>
      </c>
      <c r="EIU1" s="216" t="s">
        <v>3633</v>
      </c>
      <c r="EIV1" s="216" t="s">
        <v>3633</v>
      </c>
      <c r="EIW1" s="216" t="s">
        <v>3633</v>
      </c>
      <c r="EIX1" s="216" t="s">
        <v>3633</v>
      </c>
      <c r="EIY1" s="216" t="s">
        <v>3633</v>
      </c>
      <c r="EIZ1" s="216" t="s">
        <v>3633</v>
      </c>
      <c r="EJA1" s="216" t="s">
        <v>3633</v>
      </c>
      <c r="EJB1" s="216" t="s">
        <v>3633</v>
      </c>
      <c r="EJC1" s="216" t="s">
        <v>3633</v>
      </c>
      <c r="EJD1" s="216" t="s">
        <v>3633</v>
      </c>
      <c r="EJE1" s="216" t="s">
        <v>3633</v>
      </c>
      <c r="EJF1" s="216" t="s">
        <v>3633</v>
      </c>
      <c r="EJG1" s="216" t="s">
        <v>3633</v>
      </c>
      <c r="EJH1" s="216" t="s">
        <v>3633</v>
      </c>
      <c r="EJI1" s="216" t="s">
        <v>3633</v>
      </c>
      <c r="EJJ1" s="216" t="s">
        <v>3633</v>
      </c>
      <c r="EJK1" s="216" t="s">
        <v>3633</v>
      </c>
      <c r="EJL1" s="216" t="s">
        <v>3633</v>
      </c>
      <c r="EJM1" s="216" t="s">
        <v>3633</v>
      </c>
      <c r="EJN1" s="216" t="s">
        <v>3633</v>
      </c>
      <c r="EJO1" s="216" t="s">
        <v>3633</v>
      </c>
      <c r="EJP1" s="216" t="s">
        <v>3633</v>
      </c>
      <c r="EJQ1" s="216" t="s">
        <v>3633</v>
      </c>
      <c r="EJR1" s="216" t="s">
        <v>3633</v>
      </c>
      <c r="EJS1" s="216" t="s">
        <v>3633</v>
      </c>
      <c r="EJT1" s="216" t="s">
        <v>3633</v>
      </c>
      <c r="EJU1" s="216" t="s">
        <v>3633</v>
      </c>
      <c r="EJV1" s="216" t="s">
        <v>3633</v>
      </c>
      <c r="EJW1" s="216" t="s">
        <v>3633</v>
      </c>
      <c r="EJX1" s="216" t="s">
        <v>3633</v>
      </c>
      <c r="EJY1" s="216" t="s">
        <v>3633</v>
      </c>
      <c r="EJZ1" s="216" t="s">
        <v>3633</v>
      </c>
      <c r="EKA1" s="216" t="s">
        <v>3633</v>
      </c>
      <c r="EKB1" s="216" t="s">
        <v>3633</v>
      </c>
      <c r="EKC1" s="216" t="s">
        <v>3633</v>
      </c>
      <c r="EKD1" s="216" t="s">
        <v>3633</v>
      </c>
      <c r="EKE1" s="216" t="s">
        <v>3633</v>
      </c>
      <c r="EKF1" s="216" t="s">
        <v>3633</v>
      </c>
      <c r="EKG1" s="216" t="s">
        <v>3633</v>
      </c>
      <c r="EKH1" s="216" t="s">
        <v>3633</v>
      </c>
      <c r="EKI1" s="216" t="s">
        <v>3633</v>
      </c>
      <c r="EKJ1" s="216" t="s">
        <v>3633</v>
      </c>
      <c r="EKK1" s="216" t="s">
        <v>3633</v>
      </c>
      <c r="EKL1" s="216" t="s">
        <v>3633</v>
      </c>
      <c r="EKM1" s="216" t="s">
        <v>3633</v>
      </c>
      <c r="EKN1" s="216" t="s">
        <v>3633</v>
      </c>
      <c r="EKO1" s="216" t="s">
        <v>3633</v>
      </c>
      <c r="EKP1" s="216" t="s">
        <v>3633</v>
      </c>
      <c r="EKQ1" s="216" t="s">
        <v>3633</v>
      </c>
      <c r="EKR1" s="216" t="s">
        <v>3633</v>
      </c>
      <c r="EKS1" s="216" t="s">
        <v>3633</v>
      </c>
      <c r="EKT1" s="216" t="s">
        <v>3633</v>
      </c>
      <c r="EKU1" s="216" t="s">
        <v>3633</v>
      </c>
      <c r="EKV1" s="216" t="s">
        <v>3633</v>
      </c>
      <c r="EKW1" s="216" t="s">
        <v>3633</v>
      </c>
      <c r="EKX1" s="216" t="s">
        <v>3633</v>
      </c>
      <c r="EKY1" s="216" t="s">
        <v>3633</v>
      </c>
      <c r="EKZ1" s="216" t="s">
        <v>3633</v>
      </c>
      <c r="ELA1" s="216" t="s">
        <v>3633</v>
      </c>
      <c r="ELB1" s="216" t="s">
        <v>3633</v>
      </c>
      <c r="ELC1" s="216" t="s">
        <v>3633</v>
      </c>
      <c r="ELD1" s="216" t="s">
        <v>3633</v>
      </c>
      <c r="ELE1" s="216" t="s">
        <v>3633</v>
      </c>
      <c r="ELF1" s="216" t="s">
        <v>3633</v>
      </c>
      <c r="ELG1" s="216" t="s">
        <v>3633</v>
      </c>
      <c r="ELH1" s="216" t="s">
        <v>3633</v>
      </c>
      <c r="ELI1" s="216" t="s">
        <v>3633</v>
      </c>
      <c r="ELJ1" s="216" t="s">
        <v>3633</v>
      </c>
      <c r="ELK1" s="216" t="s">
        <v>3633</v>
      </c>
      <c r="ELL1" s="216" t="s">
        <v>3633</v>
      </c>
      <c r="ELM1" s="216" t="s">
        <v>3633</v>
      </c>
      <c r="ELN1" s="216" t="s">
        <v>3633</v>
      </c>
      <c r="ELO1" s="216" t="s">
        <v>3633</v>
      </c>
      <c r="ELP1" s="216" t="s">
        <v>3633</v>
      </c>
      <c r="ELQ1" s="216" t="s">
        <v>3633</v>
      </c>
      <c r="ELR1" s="216" t="s">
        <v>3633</v>
      </c>
      <c r="ELS1" s="216" t="s">
        <v>3633</v>
      </c>
      <c r="ELT1" s="216" t="s">
        <v>3633</v>
      </c>
      <c r="ELU1" s="216" t="s">
        <v>3633</v>
      </c>
      <c r="ELV1" s="216" t="s">
        <v>3633</v>
      </c>
      <c r="ELW1" s="216" t="s">
        <v>3633</v>
      </c>
      <c r="ELX1" s="216" t="s">
        <v>3633</v>
      </c>
      <c r="ELY1" s="216" t="s">
        <v>3633</v>
      </c>
      <c r="ELZ1" s="216" t="s">
        <v>3633</v>
      </c>
      <c r="EMA1" s="216" t="s">
        <v>3633</v>
      </c>
      <c r="EMB1" s="216" t="s">
        <v>3633</v>
      </c>
      <c r="EMC1" s="216" t="s">
        <v>3633</v>
      </c>
      <c r="EMD1" s="216" t="s">
        <v>3633</v>
      </c>
      <c r="EME1" s="216" t="s">
        <v>3633</v>
      </c>
      <c r="EMF1" s="216" t="s">
        <v>3633</v>
      </c>
      <c r="EMG1" s="216" t="s">
        <v>3633</v>
      </c>
      <c r="EMH1" s="216" t="s">
        <v>3633</v>
      </c>
      <c r="EMI1" s="216" t="s">
        <v>3633</v>
      </c>
      <c r="EMJ1" s="216" t="s">
        <v>3633</v>
      </c>
      <c r="EMK1" s="216" t="s">
        <v>3633</v>
      </c>
      <c r="EML1" s="216" t="s">
        <v>3633</v>
      </c>
      <c r="EMM1" s="216" t="s">
        <v>3633</v>
      </c>
      <c r="EMN1" s="216" t="s">
        <v>3633</v>
      </c>
      <c r="EMO1" s="216" t="s">
        <v>3633</v>
      </c>
      <c r="EMP1" s="216" t="s">
        <v>3633</v>
      </c>
      <c r="EMQ1" s="216" t="s">
        <v>3633</v>
      </c>
      <c r="EMR1" s="216" t="s">
        <v>3633</v>
      </c>
      <c r="EMS1" s="216" t="s">
        <v>3633</v>
      </c>
      <c r="EMT1" s="216" t="s">
        <v>3633</v>
      </c>
      <c r="EMU1" s="216" t="s">
        <v>3633</v>
      </c>
      <c r="EMV1" s="216" t="s">
        <v>3633</v>
      </c>
      <c r="EMW1" s="216" t="s">
        <v>3633</v>
      </c>
      <c r="EMX1" s="216" t="s">
        <v>3633</v>
      </c>
      <c r="EMY1" s="216" t="s">
        <v>3633</v>
      </c>
      <c r="EMZ1" s="216" t="s">
        <v>3633</v>
      </c>
      <c r="ENA1" s="216" t="s">
        <v>3633</v>
      </c>
      <c r="ENB1" s="216" t="s">
        <v>3633</v>
      </c>
      <c r="ENC1" s="216" t="s">
        <v>3633</v>
      </c>
      <c r="END1" s="216" t="s">
        <v>3633</v>
      </c>
      <c r="ENE1" s="216" t="s">
        <v>3633</v>
      </c>
      <c r="ENF1" s="216" t="s">
        <v>3633</v>
      </c>
      <c r="ENG1" s="216" t="s">
        <v>3633</v>
      </c>
      <c r="ENH1" s="216" t="s">
        <v>3633</v>
      </c>
      <c r="ENI1" s="216" t="s">
        <v>3633</v>
      </c>
      <c r="ENJ1" s="216" t="s">
        <v>3633</v>
      </c>
      <c r="ENK1" s="216" t="s">
        <v>3633</v>
      </c>
      <c r="ENL1" s="216" t="s">
        <v>3633</v>
      </c>
      <c r="ENM1" s="216" t="s">
        <v>3633</v>
      </c>
      <c r="ENN1" s="216" t="s">
        <v>3633</v>
      </c>
      <c r="ENO1" s="216" t="s">
        <v>3633</v>
      </c>
      <c r="ENP1" s="216" t="s">
        <v>3633</v>
      </c>
      <c r="ENQ1" s="216" t="s">
        <v>3633</v>
      </c>
      <c r="ENR1" s="216" t="s">
        <v>3633</v>
      </c>
      <c r="ENS1" s="216" t="s">
        <v>3633</v>
      </c>
      <c r="ENT1" s="216" t="s">
        <v>3633</v>
      </c>
      <c r="ENU1" s="216" t="s">
        <v>3633</v>
      </c>
      <c r="ENV1" s="216" t="s">
        <v>3633</v>
      </c>
      <c r="ENW1" s="216" t="s">
        <v>3633</v>
      </c>
      <c r="ENX1" s="216" t="s">
        <v>3633</v>
      </c>
      <c r="ENY1" s="216" t="s">
        <v>3633</v>
      </c>
      <c r="ENZ1" s="216" t="s">
        <v>3633</v>
      </c>
      <c r="EOA1" s="216" t="s">
        <v>3633</v>
      </c>
      <c r="EOB1" s="216" t="s">
        <v>3633</v>
      </c>
      <c r="EOC1" s="216" t="s">
        <v>3633</v>
      </c>
      <c r="EOD1" s="216" t="s">
        <v>3633</v>
      </c>
      <c r="EOE1" s="216" t="s">
        <v>3633</v>
      </c>
      <c r="EOF1" s="216" t="s">
        <v>3633</v>
      </c>
      <c r="EOG1" s="216" t="s">
        <v>3633</v>
      </c>
      <c r="EOH1" s="216" t="s">
        <v>3633</v>
      </c>
      <c r="EOI1" s="216" t="s">
        <v>3633</v>
      </c>
      <c r="EOJ1" s="216" t="s">
        <v>3633</v>
      </c>
      <c r="EOK1" s="216" t="s">
        <v>3633</v>
      </c>
      <c r="EOL1" s="216" t="s">
        <v>3633</v>
      </c>
      <c r="EOM1" s="216" t="s">
        <v>3633</v>
      </c>
      <c r="EON1" s="216" t="s">
        <v>3633</v>
      </c>
      <c r="EOO1" s="216" t="s">
        <v>3633</v>
      </c>
      <c r="EOP1" s="216" t="s">
        <v>3633</v>
      </c>
      <c r="EOQ1" s="216" t="s">
        <v>3633</v>
      </c>
      <c r="EOR1" s="216" t="s">
        <v>3633</v>
      </c>
      <c r="EOS1" s="216" t="s">
        <v>3633</v>
      </c>
      <c r="EOT1" s="216" t="s">
        <v>3633</v>
      </c>
      <c r="EOU1" s="216" t="s">
        <v>3633</v>
      </c>
      <c r="EOV1" s="216" t="s">
        <v>3633</v>
      </c>
      <c r="EOW1" s="216" t="s">
        <v>3633</v>
      </c>
      <c r="EOX1" s="216" t="s">
        <v>3633</v>
      </c>
      <c r="EOY1" s="216" t="s">
        <v>3633</v>
      </c>
      <c r="EOZ1" s="216" t="s">
        <v>3633</v>
      </c>
      <c r="EPA1" s="216" t="s">
        <v>3633</v>
      </c>
      <c r="EPB1" s="216" t="s">
        <v>3633</v>
      </c>
      <c r="EPC1" s="216" t="s">
        <v>3633</v>
      </c>
      <c r="EPD1" s="216" t="s">
        <v>3633</v>
      </c>
      <c r="EPE1" s="216" t="s">
        <v>3633</v>
      </c>
      <c r="EPF1" s="216" t="s">
        <v>3633</v>
      </c>
      <c r="EPG1" s="216" t="s">
        <v>3633</v>
      </c>
      <c r="EPH1" s="216" t="s">
        <v>3633</v>
      </c>
      <c r="EPI1" s="216" t="s">
        <v>3633</v>
      </c>
      <c r="EPJ1" s="216" t="s">
        <v>3633</v>
      </c>
      <c r="EPK1" s="216" t="s">
        <v>3633</v>
      </c>
      <c r="EPL1" s="216" t="s">
        <v>3633</v>
      </c>
      <c r="EPM1" s="216" t="s">
        <v>3633</v>
      </c>
      <c r="EPN1" s="216" t="s">
        <v>3633</v>
      </c>
      <c r="EPO1" s="216" t="s">
        <v>3633</v>
      </c>
      <c r="EPP1" s="216" t="s">
        <v>3633</v>
      </c>
      <c r="EPQ1" s="216" t="s">
        <v>3633</v>
      </c>
      <c r="EPR1" s="216" t="s">
        <v>3633</v>
      </c>
      <c r="EPS1" s="216" t="s">
        <v>3633</v>
      </c>
      <c r="EPT1" s="216" t="s">
        <v>3633</v>
      </c>
      <c r="EPU1" s="216" t="s">
        <v>3633</v>
      </c>
      <c r="EPV1" s="216" t="s">
        <v>3633</v>
      </c>
      <c r="EPW1" s="216" t="s">
        <v>3633</v>
      </c>
      <c r="EPX1" s="216" t="s">
        <v>3633</v>
      </c>
      <c r="EPY1" s="216" t="s">
        <v>3633</v>
      </c>
      <c r="EPZ1" s="216" t="s">
        <v>3633</v>
      </c>
      <c r="EQA1" s="216" t="s">
        <v>3633</v>
      </c>
      <c r="EQB1" s="216" t="s">
        <v>3633</v>
      </c>
      <c r="EQC1" s="216" t="s">
        <v>3633</v>
      </c>
      <c r="EQD1" s="216" t="s">
        <v>3633</v>
      </c>
      <c r="EQE1" s="216" t="s">
        <v>3633</v>
      </c>
      <c r="EQF1" s="216" t="s">
        <v>3633</v>
      </c>
      <c r="EQG1" s="216" t="s">
        <v>3633</v>
      </c>
      <c r="EQH1" s="216" t="s">
        <v>3633</v>
      </c>
      <c r="EQI1" s="216" t="s">
        <v>3633</v>
      </c>
      <c r="EQJ1" s="216" t="s">
        <v>3633</v>
      </c>
      <c r="EQK1" s="216" t="s">
        <v>3633</v>
      </c>
      <c r="EQL1" s="216" t="s">
        <v>3633</v>
      </c>
      <c r="EQM1" s="216" t="s">
        <v>3633</v>
      </c>
      <c r="EQN1" s="216" t="s">
        <v>3633</v>
      </c>
      <c r="EQO1" s="216" t="s">
        <v>3633</v>
      </c>
      <c r="EQP1" s="216" t="s">
        <v>3633</v>
      </c>
      <c r="EQQ1" s="216" t="s">
        <v>3633</v>
      </c>
      <c r="EQR1" s="216" t="s">
        <v>3633</v>
      </c>
      <c r="EQS1" s="216" t="s">
        <v>3633</v>
      </c>
      <c r="EQT1" s="216" t="s">
        <v>3633</v>
      </c>
      <c r="EQU1" s="216" t="s">
        <v>3633</v>
      </c>
      <c r="EQV1" s="216" t="s">
        <v>3633</v>
      </c>
      <c r="EQW1" s="216" t="s">
        <v>3633</v>
      </c>
      <c r="EQX1" s="216" t="s">
        <v>3633</v>
      </c>
      <c r="EQY1" s="216" t="s">
        <v>3633</v>
      </c>
      <c r="EQZ1" s="216" t="s">
        <v>3633</v>
      </c>
      <c r="ERA1" s="216" t="s">
        <v>3633</v>
      </c>
      <c r="ERB1" s="216" t="s">
        <v>3633</v>
      </c>
      <c r="ERC1" s="216" t="s">
        <v>3633</v>
      </c>
      <c r="ERD1" s="216" t="s">
        <v>3633</v>
      </c>
      <c r="ERE1" s="216" t="s">
        <v>3633</v>
      </c>
      <c r="ERF1" s="216" t="s">
        <v>3633</v>
      </c>
      <c r="ERG1" s="216" t="s">
        <v>3633</v>
      </c>
      <c r="ERH1" s="216" t="s">
        <v>3633</v>
      </c>
      <c r="ERI1" s="216" t="s">
        <v>3633</v>
      </c>
      <c r="ERJ1" s="216" t="s">
        <v>3633</v>
      </c>
      <c r="ERK1" s="216" t="s">
        <v>3633</v>
      </c>
      <c r="ERL1" s="216" t="s">
        <v>3633</v>
      </c>
      <c r="ERM1" s="216" t="s">
        <v>3633</v>
      </c>
      <c r="ERN1" s="216" t="s">
        <v>3633</v>
      </c>
      <c r="ERO1" s="216" t="s">
        <v>3633</v>
      </c>
      <c r="ERP1" s="216" t="s">
        <v>3633</v>
      </c>
      <c r="ERQ1" s="216" t="s">
        <v>3633</v>
      </c>
      <c r="ERR1" s="216" t="s">
        <v>3633</v>
      </c>
      <c r="ERS1" s="216" t="s">
        <v>3633</v>
      </c>
      <c r="ERT1" s="216" t="s">
        <v>3633</v>
      </c>
      <c r="ERU1" s="216" t="s">
        <v>3633</v>
      </c>
      <c r="ERV1" s="216" t="s">
        <v>3633</v>
      </c>
      <c r="ERW1" s="216" t="s">
        <v>3633</v>
      </c>
      <c r="ERX1" s="216" t="s">
        <v>3633</v>
      </c>
      <c r="ERY1" s="216" t="s">
        <v>3633</v>
      </c>
      <c r="ERZ1" s="216" t="s">
        <v>3633</v>
      </c>
      <c r="ESA1" s="216" t="s">
        <v>3633</v>
      </c>
      <c r="ESB1" s="216" t="s">
        <v>3633</v>
      </c>
      <c r="ESC1" s="216" t="s">
        <v>3633</v>
      </c>
      <c r="ESD1" s="216" t="s">
        <v>3633</v>
      </c>
      <c r="ESE1" s="216" t="s">
        <v>3633</v>
      </c>
      <c r="ESF1" s="216" t="s">
        <v>3633</v>
      </c>
      <c r="ESG1" s="216" t="s">
        <v>3633</v>
      </c>
      <c r="ESH1" s="216" t="s">
        <v>3633</v>
      </c>
      <c r="ESI1" s="216" t="s">
        <v>3633</v>
      </c>
      <c r="ESJ1" s="216" t="s">
        <v>3633</v>
      </c>
      <c r="ESK1" s="216" t="s">
        <v>3633</v>
      </c>
      <c r="ESL1" s="216" t="s">
        <v>3633</v>
      </c>
      <c r="ESM1" s="216" t="s">
        <v>3633</v>
      </c>
      <c r="ESN1" s="216" t="s">
        <v>3633</v>
      </c>
      <c r="ESO1" s="216" t="s">
        <v>3633</v>
      </c>
      <c r="ESP1" s="216" t="s">
        <v>3633</v>
      </c>
      <c r="ESQ1" s="216" t="s">
        <v>3633</v>
      </c>
      <c r="ESR1" s="216" t="s">
        <v>3633</v>
      </c>
      <c r="ESS1" s="216" t="s">
        <v>3633</v>
      </c>
      <c r="EST1" s="216" t="s">
        <v>3633</v>
      </c>
      <c r="ESU1" s="216" t="s">
        <v>3633</v>
      </c>
      <c r="ESV1" s="216" t="s">
        <v>3633</v>
      </c>
      <c r="ESW1" s="216" t="s">
        <v>3633</v>
      </c>
      <c r="ESX1" s="216" t="s">
        <v>3633</v>
      </c>
      <c r="ESY1" s="216" t="s">
        <v>3633</v>
      </c>
      <c r="ESZ1" s="216" t="s">
        <v>3633</v>
      </c>
      <c r="ETA1" s="216" t="s">
        <v>3633</v>
      </c>
      <c r="ETB1" s="216" t="s">
        <v>3633</v>
      </c>
      <c r="ETC1" s="216" t="s">
        <v>3633</v>
      </c>
      <c r="ETD1" s="216" t="s">
        <v>3633</v>
      </c>
      <c r="ETE1" s="216" t="s">
        <v>3633</v>
      </c>
      <c r="ETF1" s="216" t="s">
        <v>3633</v>
      </c>
      <c r="ETG1" s="216" t="s">
        <v>3633</v>
      </c>
      <c r="ETH1" s="216" t="s">
        <v>3633</v>
      </c>
      <c r="ETI1" s="216" t="s">
        <v>3633</v>
      </c>
      <c r="ETJ1" s="216" t="s">
        <v>3633</v>
      </c>
      <c r="ETK1" s="216" t="s">
        <v>3633</v>
      </c>
      <c r="ETL1" s="216" t="s">
        <v>3633</v>
      </c>
      <c r="ETM1" s="216" t="s">
        <v>3633</v>
      </c>
      <c r="ETN1" s="216" t="s">
        <v>3633</v>
      </c>
      <c r="ETO1" s="216" t="s">
        <v>3633</v>
      </c>
      <c r="ETP1" s="216" t="s">
        <v>3633</v>
      </c>
      <c r="ETQ1" s="216" t="s">
        <v>3633</v>
      </c>
      <c r="ETR1" s="216" t="s">
        <v>3633</v>
      </c>
      <c r="ETS1" s="216" t="s">
        <v>3633</v>
      </c>
      <c r="ETT1" s="216" t="s">
        <v>3633</v>
      </c>
      <c r="ETU1" s="216" t="s">
        <v>3633</v>
      </c>
      <c r="ETV1" s="216" t="s">
        <v>3633</v>
      </c>
      <c r="ETW1" s="216" t="s">
        <v>3633</v>
      </c>
      <c r="ETX1" s="216" t="s">
        <v>3633</v>
      </c>
      <c r="ETY1" s="216" t="s">
        <v>3633</v>
      </c>
      <c r="ETZ1" s="216" t="s">
        <v>3633</v>
      </c>
      <c r="EUA1" s="216" t="s">
        <v>3633</v>
      </c>
      <c r="EUB1" s="216" t="s">
        <v>3633</v>
      </c>
      <c r="EUC1" s="216" t="s">
        <v>3633</v>
      </c>
      <c r="EUD1" s="216" t="s">
        <v>3633</v>
      </c>
      <c r="EUE1" s="216" t="s">
        <v>3633</v>
      </c>
      <c r="EUF1" s="216" t="s">
        <v>3633</v>
      </c>
      <c r="EUG1" s="216" t="s">
        <v>3633</v>
      </c>
      <c r="EUH1" s="216" t="s">
        <v>3633</v>
      </c>
      <c r="EUI1" s="216" t="s">
        <v>3633</v>
      </c>
      <c r="EUJ1" s="216" t="s">
        <v>3633</v>
      </c>
      <c r="EUK1" s="216" t="s">
        <v>3633</v>
      </c>
      <c r="EUL1" s="216" t="s">
        <v>3633</v>
      </c>
      <c r="EUM1" s="216" t="s">
        <v>3633</v>
      </c>
      <c r="EUN1" s="216" t="s">
        <v>3633</v>
      </c>
      <c r="EUO1" s="216" t="s">
        <v>3633</v>
      </c>
      <c r="EUP1" s="216" t="s">
        <v>3633</v>
      </c>
      <c r="EUQ1" s="216" t="s">
        <v>3633</v>
      </c>
      <c r="EUR1" s="216" t="s">
        <v>3633</v>
      </c>
      <c r="EUS1" s="216" t="s">
        <v>3633</v>
      </c>
      <c r="EUT1" s="216" t="s">
        <v>3633</v>
      </c>
      <c r="EUU1" s="216" t="s">
        <v>3633</v>
      </c>
      <c r="EUV1" s="216" t="s">
        <v>3633</v>
      </c>
      <c r="EUW1" s="216" t="s">
        <v>3633</v>
      </c>
      <c r="EUX1" s="216" t="s">
        <v>3633</v>
      </c>
      <c r="EUY1" s="216" t="s">
        <v>3633</v>
      </c>
      <c r="EUZ1" s="216" t="s">
        <v>3633</v>
      </c>
      <c r="EVA1" s="216" t="s">
        <v>3633</v>
      </c>
      <c r="EVB1" s="216" t="s">
        <v>3633</v>
      </c>
      <c r="EVC1" s="216" t="s">
        <v>3633</v>
      </c>
      <c r="EVD1" s="216" t="s">
        <v>3633</v>
      </c>
      <c r="EVE1" s="216" t="s">
        <v>3633</v>
      </c>
      <c r="EVF1" s="216" t="s">
        <v>3633</v>
      </c>
      <c r="EVG1" s="216" t="s">
        <v>3633</v>
      </c>
      <c r="EVH1" s="216" t="s">
        <v>3633</v>
      </c>
      <c r="EVI1" s="216" t="s">
        <v>3633</v>
      </c>
      <c r="EVJ1" s="216" t="s">
        <v>3633</v>
      </c>
      <c r="EVK1" s="216" t="s">
        <v>3633</v>
      </c>
      <c r="EVL1" s="216" t="s">
        <v>3633</v>
      </c>
      <c r="EVM1" s="216" t="s">
        <v>3633</v>
      </c>
      <c r="EVN1" s="216" t="s">
        <v>3633</v>
      </c>
      <c r="EVO1" s="216" t="s">
        <v>3633</v>
      </c>
      <c r="EVP1" s="216" t="s">
        <v>3633</v>
      </c>
      <c r="EVQ1" s="216" t="s">
        <v>3633</v>
      </c>
      <c r="EVR1" s="216" t="s">
        <v>3633</v>
      </c>
      <c r="EVS1" s="216" t="s">
        <v>3633</v>
      </c>
      <c r="EVT1" s="216" t="s">
        <v>3633</v>
      </c>
      <c r="EVU1" s="216" t="s">
        <v>3633</v>
      </c>
      <c r="EVV1" s="216" t="s">
        <v>3633</v>
      </c>
      <c r="EVW1" s="216" t="s">
        <v>3633</v>
      </c>
      <c r="EVX1" s="216" t="s">
        <v>3633</v>
      </c>
      <c r="EVY1" s="216" t="s">
        <v>3633</v>
      </c>
      <c r="EVZ1" s="216" t="s">
        <v>3633</v>
      </c>
      <c r="EWA1" s="216" t="s">
        <v>3633</v>
      </c>
      <c r="EWB1" s="216" t="s">
        <v>3633</v>
      </c>
      <c r="EWC1" s="216" t="s">
        <v>3633</v>
      </c>
      <c r="EWD1" s="216" t="s">
        <v>3633</v>
      </c>
      <c r="EWE1" s="216" t="s">
        <v>3633</v>
      </c>
      <c r="EWF1" s="216" t="s">
        <v>3633</v>
      </c>
      <c r="EWG1" s="216" t="s">
        <v>3633</v>
      </c>
      <c r="EWH1" s="216" t="s">
        <v>3633</v>
      </c>
      <c r="EWI1" s="216" t="s">
        <v>3633</v>
      </c>
      <c r="EWJ1" s="216" t="s">
        <v>3633</v>
      </c>
      <c r="EWK1" s="216" t="s">
        <v>3633</v>
      </c>
      <c r="EWL1" s="216" t="s">
        <v>3633</v>
      </c>
      <c r="EWM1" s="216" t="s">
        <v>3633</v>
      </c>
      <c r="EWN1" s="216" t="s">
        <v>3633</v>
      </c>
      <c r="EWO1" s="216" t="s">
        <v>3633</v>
      </c>
      <c r="EWP1" s="216" t="s">
        <v>3633</v>
      </c>
      <c r="EWQ1" s="216" t="s">
        <v>3633</v>
      </c>
      <c r="EWR1" s="216" t="s">
        <v>3633</v>
      </c>
      <c r="EWS1" s="216" t="s">
        <v>3633</v>
      </c>
      <c r="EWT1" s="216" t="s">
        <v>3633</v>
      </c>
      <c r="EWU1" s="216" t="s">
        <v>3633</v>
      </c>
      <c r="EWV1" s="216" t="s">
        <v>3633</v>
      </c>
      <c r="EWW1" s="216" t="s">
        <v>3633</v>
      </c>
      <c r="EWX1" s="216" t="s">
        <v>3633</v>
      </c>
      <c r="EWY1" s="216" t="s">
        <v>3633</v>
      </c>
      <c r="EWZ1" s="216" t="s">
        <v>3633</v>
      </c>
      <c r="EXA1" s="216" t="s">
        <v>3633</v>
      </c>
      <c r="EXB1" s="216" t="s">
        <v>3633</v>
      </c>
      <c r="EXC1" s="216" t="s">
        <v>3633</v>
      </c>
      <c r="EXD1" s="216" t="s">
        <v>3633</v>
      </c>
      <c r="EXE1" s="216" t="s">
        <v>3633</v>
      </c>
      <c r="EXF1" s="216" t="s">
        <v>3633</v>
      </c>
      <c r="EXG1" s="216" t="s">
        <v>3633</v>
      </c>
      <c r="EXH1" s="216" t="s">
        <v>3633</v>
      </c>
      <c r="EXI1" s="216" t="s">
        <v>3633</v>
      </c>
      <c r="EXJ1" s="216" t="s">
        <v>3633</v>
      </c>
      <c r="EXK1" s="216" t="s">
        <v>3633</v>
      </c>
      <c r="EXL1" s="216" t="s">
        <v>3633</v>
      </c>
      <c r="EXM1" s="216" t="s">
        <v>3633</v>
      </c>
      <c r="EXN1" s="216" t="s">
        <v>3633</v>
      </c>
      <c r="EXO1" s="216" t="s">
        <v>3633</v>
      </c>
      <c r="EXP1" s="216" t="s">
        <v>3633</v>
      </c>
      <c r="EXQ1" s="216" t="s">
        <v>3633</v>
      </c>
      <c r="EXR1" s="216" t="s">
        <v>3633</v>
      </c>
      <c r="EXS1" s="216" t="s">
        <v>3633</v>
      </c>
      <c r="EXT1" s="216" t="s">
        <v>3633</v>
      </c>
      <c r="EXU1" s="216" t="s">
        <v>3633</v>
      </c>
      <c r="EXV1" s="216" t="s">
        <v>3633</v>
      </c>
      <c r="EXW1" s="216" t="s">
        <v>3633</v>
      </c>
      <c r="EXX1" s="216" t="s">
        <v>3633</v>
      </c>
      <c r="EXY1" s="216" t="s">
        <v>3633</v>
      </c>
      <c r="EXZ1" s="216" t="s">
        <v>3633</v>
      </c>
      <c r="EYA1" s="216" t="s">
        <v>3633</v>
      </c>
      <c r="EYB1" s="216" t="s">
        <v>3633</v>
      </c>
      <c r="EYC1" s="216" t="s">
        <v>3633</v>
      </c>
      <c r="EYD1" s="216" t="s">
        <v>3633</v>
      </c>
      <c r="EYE1" s="216" t="s">
        <v>3633</v>
      </c>
      <c r="EYF1" s="216" t="s">
        <v>3633</v>
      </c>
      <c r="EYG1" s="216" t="s">
        <v>3633</v>
      </c>
      <c r="EYH1" s="216" t="s">
        <v>3633</v>
      </c>
      <c r="EYI1" s="216" t="s">
        <v>3633</v>
      </c>
      <c r="EYJ1" s="216" t="s">
        <v>3633</v>
      </c>
      <c r="EYK1" s="216" t="s">
        <v>3633</v>
      </c>
      <c r="EYL1" s="216" t="s">
        <v>3633</v>
      </c>
      <c r="EYM1" s="216" t="s">
        <v>3633</v>
      </c>
      <c r="EYN1" s="216" t="s">
        <v>3633</v>
      </c>
      <c r="EYO1" s="216" t="s">
        <v>3633</v>
      </c>
      <c r="EYP1" s="216" t="s">
        <v>3633</v>
      </c>
      <c r="EYQ1" s="216" t="s">
        <v>3633</v>
      </c>
      <c r="EYR1" s="216" t="s">
        <v>3633</v>
      </c>
      <c r="EYS1" s="216" t="s">
        <v>3633</v>
      </c>
      <c r="EYT1" s="216" t="s">
        <v>3633</v>
      </c>
      <c r="EYU1" s="216" t="s">
        <v>3633</v>
      </c>
      <c r="EYV1" s="216" t="s">
        <v>3633</v>
      </c>
      <c r="EYW1" s="216" t="s">
        <v>3633</v>
      </c>
      <c r="EYX1" s="216" t="s">
        <v>3633</v>
      </c>
      <c r="EYY1" s="216" t="s">
        <v>3633</v>
      </c>
      <c r="EYZ1" s="216" t="s">
        <v>3633</v>
      </c>
      <c r="EZA1" s="216" t="s">
        <v>3633</v>
      </c>
      <c r="EZB1" s="216" t="s">
        <v>3633</v>
      </c>
      <c r="EZC1" s="216" t="s">
        <v>3633</v>
      </c>
      <c r="EZD1" s="216" t="s">
        <v>3633</v>
      </c>
      <c r="EZE1" s="216" t="s">
        <v>3633</v>
      </c>
      <c r="EZF1" s="216" t="s">
        <v>3633</v>
      </c>
      <c r="EZG1" s="216" t="s">
        <v>3633</v>
      </c>
      <c r="EZH1" s="216" t="s">
        <v>3633</v>
      </c>
      <c r="EZI1" s="216" t="s">
        <v>3633</v>
      </c>
      <c r="EZJ1" s="216" t="s">
        <v>3633</v>
      </c>
      <c r="EZK1" s="216" t="s">
        <v>3633</v>
      </c>
      <c r="EZL1" s="216" t="s">
        <v>3633</v>
      </c>
      <c r="EZM1" s="216" t="s">
        <v>3633</v>
      </c>
      <c r="EZN1" s="216" t="s">
        <v>3633</v>
      </c>
      <c r="EZO1" s="216" t="s">
        <v>3633</v>
      </c>
      <c r="EZP1" s="216" t="s">
        <v>3633</v>
      </c>
      <c r="EZQ1" s="216" t="s">
        <v>3633</v>
      </c>
      <c r="EZR1" s="216" t="s">
        <v>3633</v>
      </c>
      <c r="EZS1" s="216" t="s">
        <v>3633</v>
      </c>
      <c r="EZT1" s="216" t="s">
        <v>3633</v>
      </c>
      <c r="EZU1" s="216" t="s">
        <v>3633</v>
      </c>
      <c r="EZV1" s="216" t="s">
        <v>3633</v>
      </c>
      <c r="EZW1" s="216" t="s">
        <v>3633</v>
      </c>
      <c r="EZX1" s="216" t="s">
        <v>3633</v>
      </c>
      <c r="EZY1" s="216" t="s">
        <v>3633</v>
      </c>
      <c r="EZZ1" s="216" t="s">
        <v>3633</v>
      </c>
      <c r="FAA1" s="216" t="s">
        <v>3633</v>
      </c>
      <c r="FAB1" s="216" t="s">
        <v>3633</v>
      </c>
      <c r="FAC1" s="216" t="s">
        <v>3633</v>
      </c>
      <c r="FAD1" s="216" t="s">
        <v>3633</v>
      </c>
      <c r="FAE1" s="216" t="s">
        <v>3633</v>
      </c>
      <c r="FAF1" s="216" t="s">
        <v>3633</v>
      </c>
      <c r="FAG1" s="216" t="s">
        <v>3633</v>
      </c>
      <c r="FAH1" s="216" t="s">
        <v>3633</v>
      </c>
      <c r="FAI1" s="216" t="s">
        <v>3633</v>
      </c>
      <c r="FAJ1" s="216" t="s">
        <v>3633</v>
      </c>
      <c r="FAK1" s="216" t="s">
        <v>3633</v>
      </c>
      <c r="FAL1" s="216" t="s">
        <v>3633</v>
      </c>
      <c r="FAM1" s="216" t="s">
        <v>3633</v>
      </c>
      <c r="FAN1" s="216" t="s">
        <v>3633</v>
      </c>
      <c r="FAO1" s="216" t="s">
        <v>3633</v>
      </c>
      <c r="FAP1" s="216" t="s">
        <v>3633</v>
      </c>
      <c r="FAQ1" s="216" t="s">
        <v>3633</v>
      </c>
      <c r="FAR1" s="216" t="s">
        <v>3633</v>
      </c>
      <c r="FAS1" s="216" t="s">
        <v>3633</v>
      </c>
      <c r="FAT1" s="216" t="s">
        <v>3633</v>
      </c>
      <c r="FAU1" s="216" t="s">
        <v>3633</v>
      </c>
      <c r="FAV1" s="216" t="s">
        <v>3633</v>
      </c>
      <c r="FAW1" s="216" t="s">
        <v>3633</v>
      </c>
      <c r="FAX1" s="216" t="s">
        <v>3633</v>
      </c>
      <c r="FAY1" s="216" t="s">
        <v>3633</v>
      </c>
      <c r="FAZ1" s="216" t="s">
        <v>3633</v>
      </c>
      <c r="FBA1" s="216" t="s">
        <v>3633</v>
      </c>
      <c r="FBB1" s="216" t="s">
        <v>3633</v>
      </c>
      <c r="FBC1" s="216" t="s">
        <v>3633</v>
      </c>
      <c r="FBD1" s="216" t="s">
        <v>3633</v>
      </c>
      <c r="FBE1" s="216" t="s">
        <v>3633</v>
      </c>
      <c r="FBF1" s="216" t="s">
        <v>3633</v>
      </c>
      <c r="FBG1" s="216" t="s">
        <v>3633</v>
      </c>
      <c r="FBH1" s="216" t="s">
        <v>3633</v>
      </c>
      <c r="FBI1" s="216" t="s">
        <v>3633</v>
      </c>
      <c r="FBJ1" s="216" t="s">
        <v>3633</v>
      </c>
      <c r="FBK1" s="216" t="s">
        <v>3633</v>
      </c>
      <c r="FBL1" s="216" t="s">
        <v>3633</v>
      </c>
      <c r="FBM1" s="216" t="s">
        <v>3633</v>
      </c>
      <c r="FBN1" s="216" t="s">
        <v>3633</v>
      </c>
      <c r="FBO1" s="216" t="s">
        <v>3633</v>
      </c>
      <c r="FBP1" s="216" t="s">
        <v>3633</v>
      </c>
      <c r="FBQ1" s="216" t="s">
        <v>3633</v>
      </c>
      <c r="FBR1" s="216" t="s">
        <v>3633</v>
      </c>
      <c r="FBS1" s="216" t="s">
        <v>3633</v>
      </c>
      <c r="FBT1" s="216" t="s">
        <v>3633</v>
      </c>
      <c r="FBU1" s="216" t="s">
        <v>3633</v>
      </c>
      <c r="FBV1" s="216" t="s">
        <v>3633</v>
      </c>
      <c r="FBW1" s="216" t="s">
        <v>3633</v>
      </c>
      <c r="FBX1" s="216" t="s">
        <v>3633</v>
      </c>
      <c r="FBY1" s="216" t="s">
        <v>3633</v>
      </c>
      <c r="FBZ1" s="216" t="s">
        <v>3633</v>
      </c>
      <c r="FCA1" s="216" t="s">
        <v>3633</v>
      </c>
      <c r="FCB1" s="216" t="s">
        <v>3633</v>
      </c>
      <c r="FCC1" s="216" t="s">
        <v>3633</v>
      </c>
      <c r="FCD1" s="216" t="s">
        <v>3633</v>
      </c>
      <c r="FCE1" s="216" t="s">
        <v>3633</v>
      </c>
      <c r="FCF1" s="216" t="s">
        <v>3633</v>
      </c>
      <c r="FCG1" s="216" t="s">
        <v>3633</v>
      </c>
      <c r="FCH1" s="216" t="s">
        <v>3633</v>
      </c>
      <c r="FCI1" s="216" t="s">
        <v>3633</v>
      </c>
      <c r="FCJ1" s="216" t="s">
        <v>3633</v>
      </c>
      <c r="FCK1" s="216" t="s">
        <v>3633</v>
      </c>
      <c r="FCL1" s="216" t="s">
        <v>3633</v>
      </c>
      <c r="FCM1" s="216" t="s">
        <v>3633</v>
      </c>
      <c r="FCN1" s="216" t="s">
        <v>3633</v>
      </c>
      <c r="FCO1" s="216" t="s">
        <v>3633</v>
      </c>
      <c r="FCP1" s="216" t="s">
        <v>3633</v>
      </c>
      <c r="FCQ1" s="216" t="s">
        <v>3633</v>
      </c>
      <c r="FCR1" s="216" t="s">
        <v>3633</v>
      </c>
      <c r="FCS1" s="216" t="s">
        <v>3633</v>
      </c>
      <c r="FCT1" s="216" t="s">
        <v>3633</v>
      </c>
      <c r="FCU1" s="216" t="s">
        <v>3633</v>
      </c>
      <c r="FCV1" s="216" t="s">
        <v>3633</v>
      </c>
      <c r="FCW1" s="216" t="s">
        <v>3633</v>
      </c>
      <c r="FCX1" s="216" t="s">
        <v>3633</v>
      </c>
      <c r="FCY1" s="216" t="s">
        <v>3633</v>
      </c>
      <c r="FCZ1" s="216" t="s">
        <v>3633</v>
      </c>
      <c r="FDA1" s="216" t="s">
        <v>3633</v>
      </c>
      <c r="FDB1" s="216" t="s">
        <v>3633</v>
      </c>
      <c r="FDC1" s="216" t="s">
        <v>3633</v>
      </c>
      <c r="FDD1" s="216" t="s">
        <v>3633</v>
      </c>
      <c r="FDE1" s="216" t="s">
        <v>3633</v>
      </c>
      <c r="FDF1" s="216" t="s">
        <v>3633</v>
      </c>
      <c r="FDG1" s="216" t="s">
        <v>3633</v>
      </c>
      <c r="FDH1" s="216" t="s">
        <v>3633</v>
      </c>
      <c r="FDI1" s="216" t="s">
        <v>3633</v>
      </c>
      <c r="FDJ1" s="216" t="s">
        <v>3633</v>
      </c>
      <c r="FDK1" s="216" t="s">
        <v>3633</v>
      </c>
      <c r="FDL1" s="216" t="s">
        <v>3633</v>
      </c>
      <c r="FDM1" s="216" t="s">
        <v>3633</v>
      </c>
      <c r="FDN1" s="216" t="s">
        <v>3633</v>
      </c>
      <c r="FDO1" s="216" t="s">
        <v>3633</v>
      </c>
      <c r="FDP1" s="216" t="s">
        <v>3633</v>
      </c>
      <c r="FDQ1" s="216" t="s">
        <v>3633</v>
      </c>
      <c r="FDR1" s="216" t="s">
        <v>3633</v>
      </c>
      <c r="FDS1" s="216" t="s">
        <v>3633</v>
      </c>
      <c r="FDT1" s="216" t="s">
        <v>3633</v>
      </c>
      <c r="FDU1" s="216" t="s">
        <v>3633</v>
      </c>
      <c r="FDV1" s="216" t="s">
        <v>3633</v>
      </c>
      <c r="FDW1" s="216" t="s">
        <v>3633</v>
      </c>
      <c r="FDX1" s="216" t="s">
        <v>3633</v>
      </c>
      <c r="FDY1" s="216" t="s">
        <v>3633</v>
      </c>
      <c r="FDZ1" s="216" t="s">
        <v>3633</v>
      </c>
      <c r="FEA1" s="216" t="s">
        <v>3633</v>
      </c>
      <c r="FEB1" s="216" t="s">
        <v>3633</v>
      </c>
      <c r="FEC1" s="216" t="s">
        <v>3633</v>
      </c>
      <c r="FED1" s="216" t="s">
        <v>3633</v>
      </c>
      <c r="FEE1" s="216" t="s">
        <v>3633</v>
      </c>
      <c r="FEF1" s="216" t="s">
        <v>3633</v>
      </c>
      <c r="FEG1" s="216" t="s">
        <v>3633</v>
      </c>
      <c r="FEH1" s="216" t="s">
        <v>3633</v>
      </c>
      <c r="FEI1" s="216" t="s">
        <v>3633</v>
      </c>
      <c r="FEJ1" s="216" t="s">
        <v>3633</v>
      </c>
      <c r="FEK1" s="216" t="s">
        <v>3633</v>
      </c>
      <c r="FEL1" s="216" t="s">
        <v>3633</v>
      </c>
      <c r="FEM1" s="216" t="s">
        <v>3633</v>
      </c>
      <c r="FEN1" s="216" t="s">
        <v>3633</v>
      </c>
      <c r="FEO1" s="216" t="s">
        <v>3633</v>
      </c>
      <c r="FEP1" s="216" t="s">
        <v>3633</v>
      </c>
      <c r="FEQ1" s="216" t="s">
        <v>3633</v>
      </c>
      <c r="FER1" s="216" t="s">
        <v>3633</v>
      </c>
      <c r="FES1" s="216" t="s">
        <v>3633</v>
      </c>
      <c r="FET1" s="216" t="s">
        <v>3633</v>
      </c>
      <c r="FEU1" s="216" t="s">
        <v>3633</v>
      </c>
      <c r="FEV1" s="216" t="s">
        <v>3633</v>
      </c>
      <c r="FEW1" s="216" t="s">
        <v>3633</v>
      </c>
      <c r="FEX1" s="216" t="s">
        <v>3633</v>
      </c>
      <c r="FEY1" s="216" t="s">
        <v>3633</v>
      </c>
      <c r="FEZ1" s="216" t="s">
        <v>3633</v>
      </c>
      <c r="FFA1" s="216" t="s">
        <v>3633</v>
      </c>
      <c r="FFB1" s="216" t="s">
        <v>3633</v>
      </c>
      <c r="FFC1" s="216" t="s">
        <v>3633</v>
      </c>
      <c r="FFD1" s="216" t="s">
        <v>3633</v>
      </c>
      <c r="FFE1" s="216" t="s">
        <v>3633</v>
      </c>
      <c r="FFF1" s="216" t="s">
        <v>3633</v>
      </c>
      <c r="FFG1" s="216" t="s">
        <v>3633</v>
      </c>
      <c r="FFH1" s="216" t="s">
        <v>3633</v>
      </c>
      <c r="FFI1" s="216" t="s">
        <v>3633</v>
      </c>
      <c r="FFJ1" s="216" t="s">
        <v>3633</v>
      </c>
      <c r="FFK1" s="216" t="s">
        <v>3633</v>
      </c>
      <c r="FFL1" s="216" t="s">
        <v>3633</v>
      </c>
      <c r="FFM1" s="216" t="s">
        <v>3633</v>
      </c>
      <c r="FFN1" s="216" t="s">
        <v>3633</v>
      </c>
      <c r="FFO1" s="216" t="s">
        <v>3633</v>
      </c>
      <c r="FFP1" s="216" t="s">
        <v>3633</v>
      </c>
      <c r="FFQ1" s="216" t="s">
        <v>3633</v>
      </c>
      <c r="FFR1" s="216" t="s">
        <v>3633</v>
      </c>
      <c r="FFS1" s="216" t="s">
        <v>3633</v>
      </c>
      <c r="FFT1" s="216" t="s">
        <v>3633</v>
      </c>
      <c r="FFU1" s="216" t="s">
        <v>3633</v>
      </c>
      <c r="FFV1" s="216" t="s">
        <v>3633</v>
      </c>
      <c r="FFW1" s="216" t="s">
        <v>3633</v>
      </c>
      <c r="FFX1" s="216" t="s">
        <v>3633</v>
      </c>
      <c r="FFY1" s="216" t="s">
        <v>3633</v>
      </c>
      <c r="FFZ1" s="216" t="s">
        <v>3633</v>
      </c>
      <c r="FGA1" s="216" t="s">
        <v>3633</v>
      </c>
      <c r="FGB1" s="216" t="s">
        <v>3633</v>
      </c>
      <c r="FGC1" s="216" t="s">
        <v>3633</v>
      </c>
      <c r="FGD1" s="216" t="s">
        <v>3633</v>
      </c>
      <c r="FGE1" s="216" t="s">
        <v>3633</v>
      </c>
      <c r="FGF1" s="216" t="s">
        <v>3633</v>
      </c>
      <c r="FGG1" s="216" t="s">
        <v>3633</v>
      </c>
      <c r="FGH1" s="216" t="s">
        <v>3633</v>
      </c>
      <c r="FGI1" s="216" t="s">
        <v>3633</v>
      </c>
      <c r="FGJ1" s="216" t="s">
        <v>3633</v>
      </c>
      <c r="FGK1" s="216" t="s">
        <v>3633</v>
      </c>
      <c r="FGL1" s="216" t="s">
        <v>3633</v>
      </c>
      <c r="FGM1" s="216" t="s">
        <v>3633</v>
      </c>
      <c r="FGN1" s="216" t="s">
        <v>3633</v>
      </c>
      <c r="FGO1" s="216" t="s">
        <v>3633</v>
      </c>
      <c r="FGP1" s="216" t="s">
        <v>3633</v>
      </c>
      <c r="FGQ1" s="216" t="s">
        <v>3633</v>
      </c>
      <c r="FGR1" s="216" t="s">
        <v>3633</v>
      </c>
      <c r="FGS1" s="216" t="s">
        <v>3633</v>
      </c>
      <c r="FGT1" s="216" t="s">
        <v>3633</v>
      </c>
      <c r="FGU1" s="216" t="s">
        <v>3633</v>
      </c>
      <c r="FGV1" s="216" t="s">
        <v>3633</v>
      </c>
      <c r="FGW1" s="216" t="s">
        <v>3633</v>
      </c>
      <c r="FGX1" s="216" t="s">
        <v>3633</v>
      </c>
      <c r="FGY1" s="216" t="s">
        <v>3633</v>
      </c>
      <c r="FGZ1" s="216" t="s">
        <v>3633</v>
      </c>
      <c r="FHA1" s="216" t="s">
        <v>3633</v>
      </c>
      <c r="FHB1" s="216" t="s">
        <v>3633</v>
      </c>
      <c r="FHC1" s="216" t="s">
        <v>3633</v>
      </c>
      <c r="FHD1" s="216" t="s">
        <v>3633</v>
      </c>
      <c r="FHE1" s="216" t="s">
        <v>3633</v>
      </c>
      <c r="FHF1" s="216" t="s">
        <v>3633</v>
      </c>
      <c r="FHG1" s="216" t="s">
        <v>3633</v>
      </c>
      <c r="FHH1" s="216" t="s">
        <v>3633</v>
      </c>
      <c r="FHI1" s="216" t="s">
        <v>3633</v>
      </c>
      <c r="FHJ1" s="216" t="s">
        <v>3633</v>
      </c>
      <c r="FHK1" s="216" t="s">
        <v>3633</v>
      </c>
      <c r="FHL1" s="216" t="s">
        <v>3633</v>
      </c>
      <c r="FHM1" s="216" t="s">
        <v>3633</v>
      </c>
      <c r="FHN1" s="216" t="s">
        <v>3633</v>
      </c>
      <c r="FHO1" s="216" t="s">
        <v>3633</v>
      </c>
      <c r="FHP1" s="216" t="s">
        <v>3633</v>
      </c>
      <c r="FHQ1" s="216" t="s">
        <v>3633</v>
      </c>
      <c r="FHR1" s="216" t="s">
        <v>3633</v>
      </c>
      <c r="FHS1" s="216" t="s">
        <v>3633</v>
      </c>
      <c r="FHT1" s="216" t="s">
        <v>3633</v>
      </c>
      <c r="FHU1" s="216" t="s">
        <v>3633</v>
      </c>
      <c r="FHV1" s="216" t="s">
        <v>3633</v>
      </c>
      <c r="FHW1" s="216" t="s">
        <v>3633</v>
      </c>
      <c r="FHX1" s="216" t="s">
        <v>3633</v>
      </c>
      <c r="FHY1" s="216" t="s">
        <v>3633</v>
      </c>
      <c r="FHZ1" s="216" t="s">
        <v>3633</v>
      </c>
      <c r="FIA1" s="216" t="s">
        <v>3633</v>
      </c>
      <c r="FIB1" s="216" t="s">
        <v>3633</v>
      </c>
      <c r="FIC1" s="216" t="s">
        <v>3633</v>
      </c>
      <c r="FID1" s="216" t="s">
        <v>3633</v>
      </c>
      <c r="FIE1" s="216" t="s">
        <v>3633</v>
      </c>
      <c r="FIF1" s="216" t="s">
        <v>3633</v>
      </c>
      <c r="FIG1" s="216" t="s">
        <v>3633</v>
      </c>
      <c r="FIH1" s="216" t="s">
        <v>3633</v>
      </c>
      <c r="FII1" s="216" t="s">
        <v>3633</v>
      </c>
      <c r="FIJ1" s="216" t="s">
        <v>3633</v>
      </c>
      <c r="FIK1" s="216" t="s">
        <v>3633</v>
      </c>
      <c r="FIL1" s="216" t="s">
        <v>3633</v>
      </c>
      <c r="FIM1" s="216" t="s">
        <v>3633</v>
      </c>
      <c r="FIN1" s="216" t="s">
        <v>3633</v>
      </c>
      <c r="FIO1" s="216" t="s">
        <v>3633</v>
      </c>
      <c r="FIP1" s="216" t="s">
        <v>3633</v>
      </c>
      <c r="FIQ1" s="216" t="s">
        <v>3633</v>
      </c>
      <c r="FIR1" s="216" t="s">
        <v>3633</v>
      </c>
      <c r="FIS1" s="216" t="s">
        <v>3633</v>
      </c>
      <c r="FIT1" s="216" t="s">
        <v>3633</v>
      </c>
      <c r="FIU1" s="216" t="s">
        <v>3633</v>
      </c>
      <c r="FIV1" s="216" t="s">
        <v>3633</v>
      </c>
      <c r="FIW1" s="216" t="s">
        <v>3633</v>
      </c>
      <c r="FIX1" s="216" t="s">
        <v>3633</v>
      </c>
      <c r="FIY1" s="216" t="s">
        <v>3633</v>
      </c>
      <c r="FIZ1" s="216" t="s">
        <v>3633</v>
      </c>
      <c r="FJA1" s="216" t="s">
        <v>3633</v>
      </c>
      <c r="FJB1" s="216" t="s">
        <v>3633</v>
      </c>
      <c r="FJC1" s="216" t="s">
        <v>3633</v>
      </c>
      <c r="FJD1" s="216" t="s">
        <v>3633</v>
      </c>
      <c r="FJE1" s="216" t="s">
        <v>3633</v>
      </c>
      <c r="FJF1" s="216" t="s">
        <v>3633</v>
      </c>
      <c r="FJG1" s="216" t="s">
        <v>3633</v>
      </c>
      <c r="FJH1" s="216" t="s">
        <v>3633</v>
      </c>
      <c r="FJI1" s="216" t="s">
        <v>3633</v>
      </c>
      <c r="FJJ1" s="216" t="s">
        <v>3633</v>
      </c>
      <c r="FJK1" s="216" t="s">
        <v>3633</v>
      </c>
      <c r="FJL1" s="216" t="s">
        <v>3633</v>
      </c>
      <c r="FJM1" s="216" t="s">
        <v>3633</v>
      </c>
      <c r="FJN1" s="216" t="s">
        <v>3633</v>
      </c>
      <c r="FJO1" s="216" t="s">
        <v>3633</v>
      </c>
      <c r="FJP1" s="216" t="s">
        <v>3633</v>
      </c>
      <c r="FJQ1" s="216" t="s">
        <v>3633</v>
      </c>
      <c r="FJR1" s="216" t="s">
        <v>3633</v>
      </c>
      <c r="FJS1" s="216" t="s">
        <v>3633</v>
      </c>
      <c r="FJT1" s="216" t="s">
        <v>3633</v>
      </c>
      <c r="FJU1" s="216" t="s">
        <v>3633</v>
      </c>
      <c r="FJV1" s="216" t="s">
        <v>3633</v>
      </c>
      <c r="FJW1" s="216" t="s">
        <v>3633</v>
      </c>
      <c r="FJX1" s="216" t="s">
        <v>3633</v>
      </c>
      <c r="FJY1" s="216" t="s">
        <v>3633</v>
      </c>
      <c r="FJZ1" s="216" t="s">
        <v>3633</v>
      </c>
      <c r="FKA1" s="216" t="s">
        <v>3633</v>
      </c>
      <c r="FKB1" s="216" t="s">
        <v>3633</v>
      </c>
      <c r="FKC1" s="216" t="s">
        <v>3633</v>
      </c>
      <c r="FKD1" s="216" t="s">
        <v>3633</v>
      </c>
      <c r="FKE1" s="216" t="s">
        <v>3633</v>
      </c>
      <c r="FKF1" s="216" t="s">
        <v>3633</v>
      </c>
      <c r="FKG1" s="216" t="s">
        <v>3633</v>
      </c>
      <c r="FKH1" s="216" t="s">
        <v>3633</v>
      </c>
      <c r="FKI1" s="216" t="s">
        <v>3633</v>
      </c>
      <c r="FKJ1" s="216" t="s">
        <v>3633</v>
      </c>
      <c r="FKK1" s="216" t="s">
        <v>3633</v>
      </c>
      <c r="FKL1" s="216" t="s">
        <v>3633</v>
      </c>
      <c r="FKM1" s="216" t="s">
        <v>3633</v>
      </c>
      <c r="FKN1" s="216" t="s">
        <v>3633</v>
      </c>
      <c r="FKO1" s="216" t="s">
        <v>3633</v>
      </c>
      <c r="FKP1" s="216" t="s">
        <v>3633</v>
      </c>
      <c r="FKQ1" s="216" t="s">
        <v>3633</v>
      </c>
      <c r="FKR1" s="216" t="s">
        <v>3633</v>
      </c>
      <c r="FKS1" s="216" t="s">
        <v>3633</v>
      </c>
      <c r="FKT1" s="216" t="s">
        <v>3633</v>
      </c>
      <c r="FKU1" s="216" t="s">
        <v>3633</v>
      </c>
      <c r="FKV1" s="216" t="s">
        <v>3633</v>
      </c>
      <c r="FKW1" s="216" t="s">
        <v>3633</v>
      </c>
      <c r="FKX1" s="216" t="s">
        <v>3633</v>
      </c>
      <c r="FKY1" s="216" t="s">
        <v>3633</v>
      </c>
      <c r="FKZ1" s="216" t="s">
        <v>3633</v>
      </c>
      <c r="FLA1" s="216" t="s">
        <v>3633</v>
      </c>
      <c r="FLB1" s="216" t="s">
        <v>3633</v>
      </c>
      <c r="FLC1" s="216" t="s">
        <v>3633</v>
      </c>
      <c r="FLD1" s="216" t="s">
        <v>3633</v>
      </c>
      <c r="FLE1" s="216" t="s">
        <v>3633</v>
      </c>
      <c r="FLF1" s="216" t="s">
        <v>3633</v>
      </c>
      <c r="FLG1" s="216" t="s">
        <v>3633</v>
      </c>
      <c r="FLH1" s="216" t="s">
        <v>3633</v>
      </c>
      <c r="FLI1" s="216" t="s">
        <v>3633</v>
      </c>
      <c r="FLJ1" s="216" t="s">
        <v>3633</v>
      </c>
      <c r="FLK1" s="216" t="s">
        <v>3633</v>
      </c>
      <c r="FLL1" s="216" t="s">
        <v>3633</v>
      </c>
      <c r="FLM1" s="216" t="s">
        <v>3633</v>
      </c>
      <c r="FLN1" s="216" t="s">
        <v>3633</v>
      </c>
      <c r="FLO1" s="216" t="s">
        <v>3633</v>
      </c>
      <c r="FLP1" s="216" t="s">
        <v>3633</v>
      </c>
      <c r="FLQ1" s="216" t="s">
        <v>3633</v>
      </c>
      <c r="FLR1" s="216" t="s">
        <v>3633</v>
      </c>
      <c r="FLS1" s="216" t="s">
        <v>3633</v>
      </c>
      <c r="FLT1" s="216" t="s">
        <v>3633</v>
      </c>
      <c r="FLU1" s="216" t="s">
        <v>3633</v>
      </c>
      <c r="FLV1" s="216" t="s">
        <v>3633</v>
      </c>
      <c r="FLW1" s="216" t="s">
        <v>3633</v>
      </c>
      <c r="FLX1" s="216" t="s">
        <v>3633</v>
      </c>
      <c r="FLY1" s="216" t="s">
        <v>3633</v>
      </c>
      <c r="FLZ1" s="216" t="s">
        <v>3633</v>
      </c>
      <c r="FMA1" s="216" t="s">
        <v>3633</v>
      </c>
      <c r="FMB1" s="216" t="s">
        <v>3633</v>
      </c>
      <c r="FMC1" s="216" t="s">
        <v>3633</v>
      </c>
      <c r="FMD1" s="216" t="s">
        <v>3633</v>
      </c>
      <c r="FME1" s="216" t="s">
        <v>3633</v>
      </c>
      <c r="FMF1" s="216" t="s">
        <v>3633</v>
      </c>
      <c r="FMG1" s="216" t="s">
        <v>3633</v>
      </c>
      <c r="FMH1" s="216" t="s">
        <v>3633</v>
      </c>
      <c r="FMI1" s="216" t="s">
        <v>3633</v>
      </c>
      <c r="FMJ1" s="216" t="s">
        <v>3633</v>
      </c>
      <c r="FMK1" s="216" t="s">
        <v>3633</v>
      </c>
      <c r="FML1" s="216" t="s">
        <v>3633</v>
      </c>
      <c r="FMM1" s="216" t="s">
        <v>3633</v>
      </c>
      <c r="FMN1" s="216" t="s">
        <v>3633</v>
      </c>
      <c r="FMO1" s="216" t="s">
        <v>3633</v>
      </c>
      <c r="FMP1" s="216" t="s">
        <v>3633</v>
      </c>
      <c r="FMQ1" s="216" t="s">
        <v>3633</v>
      </c>
      <c r="FMR1" s="216" t="s">
        <v>3633</v>
      </c>
      <c r="FMS1" s="216" t="s">
        <v>3633</v>
      </c>
      <c r="FMT1" s="216" t="s">
        <v>3633</v>
      </c>
      <c r="FMU1" s="216" t="s">
        <v>3633</v>
      </c>
      <c r="FMV1" s="216" t="s">
        <v>3633</v>
      </c>
      <c r="FMW1" s="216" t="s">
        <v>3633</v>
      </c>
      <c r="FMX1" s="216" t="s">
        <v>3633</v>
      </c>
      <c r="FMY1" s="216" t="s">
        <v>3633</v>
      </c>
      <c r="FMZ1" s="216" t="s">
        <v>3633</v>
      </c>
      <c r="FNA1" s="216" t="s">
        <v>3633</v>
      </c>
      <c r="FNB1" s="216" t="s">
        <v>3633</v>
      </c>
      <c r="FNC1" s="216" t="s">
        <v>3633</v>
      </c>
      <c r="FND1" s="216" t="s">
        <v>3633</v>
      </c>
      <c r="FNE1" s="216" t="s">
        <v>3633</v>
      </c>
      <c r="FNF1" s="216" t="s">
        <v>3633</v>
      </c>
      <c r="FNG1" s="216" t="s">
        <v>3633</v>
      </c>
      <c r="FNH1" s="216" t="s">
        <v>3633</v>
      </c>
      <c r="FNI1" s="216" t="s">
        <v>3633</v>
      </c>
      <c r="FNJ1" s="216" t="s">
        <v>3633</v>
      </c>
      <c r="FNK1" s="216" t="s">
        <v>3633</v>
      </c>
      <c r="FNL1" s="216" t="s">
        <v>3633</v>
      </c>
      <c r="FNM1" s="216" t="s">
        <v>3633</v>
      </c>
      <c r="FNN1" s="216" t="s">
        <v>3633</v>
      </c>
      <c r="FNO1" s="216" t="s">
        <v>3633</v>
      </c>
      <c r="FNP1" s="216" t="s">
        <v>3633</v>
      </c>
      <c r="FNQ1" s="216" t="s">
        <v>3633</v>
      </c>
      <c r="FNR1" s="216" t="s">
        <v>3633</v>
      </c>
      <c r="FNS1" s="216" t="s">
        <v>3633</v>
      </c>
      <c r="FNT1" s="216" t="s">
        <v>3633</v>
      </c>
      <c r="FNU1" s="216" t="s">
        <v>3633</v>
      </c>
      <c r="FNV1" s="216" t="s">
        <v>3633</v>
      </c>
      <c r="FNW1" s="216" t="s">
        <v>3633</v>
      </c>
      <c r="FNX1" s="216" t="s">
        <v>3633</v>
      </c>
      <c r="FNY1" s="216" t="s">
        <v>3633</v>
      </c>
      <c r="FNZ1" s="216" t="s">
        <v>3633</v>
      </c>
      <c r="FOA1" s="216" t="s">
        <v>3633</v>
      </c>
      <c r="FOB1" s="216" t="s">
        <v>3633</v>
      </c>
      <c r="FOC1" s="216" t="s">
        <v>3633</v>
      </c>
      <c r="FOD1" s="216" t="s">
        <v>3633</v>
      </c>
      <c r="FOE1" s="216" t="s">
        <v>3633</v>
      </c>
      <c r="FOF1" s="216" t="s">
        <v>3633</v>
      </c>
      <c r="FOG1" s="216" t="s">
        <v>3633</v>
      </c>
      <c r="FOH1" s="216" t="s">
        <v>3633</v>
      </c>
      <c r="FOI1" s="216" t="s">
        <v>3633</v>
      </c>
      <c r="FOJ1" s="216" t="s">
        <v>3633</v>
      </c>
      <c r="FOK1" s="216" t="s">
        <v>3633</v>
      </c>
      <c r="FOL1" s="216" t="s">
        <v>3633</v>
      </c>
      <c r="FOM1" s="216" t="s">
        <v>3633</v>
      </c>
      <c r="FON1" s="216" t="s">
        <v>3633</v>
      </c>
      <c r="FOO1" s="216" t="s">
        <v>3633</v>
      </c>
      <c r="FOP1" s="216" t="s">
        <v>3633</v>
      </c>
      <c r="FOQ1" s="216" t="s">
        <v>3633</v>
      </c>
      <c r="FOR1" s="216" t="s">
        <v>3633</v>
      </c>
      <c r="FOS1" s="216" t="s">
        <v>3633</v>
      </c>
      <c r="FOT1" s="216" t="s">
        <v>3633</v>
      </c>
      <c r="FOU1" s="216" t="s">
        <v>3633</v>
      </c>
      <c r="FOV1" s="216" t="s">
        <v>3633</v>
      </c>
      <c r="FOW1" s="216" t="s">
        <v>3633</v>
      </c>
      <c r="FOX1" s="216" t="s">
        <v>3633</v>
      </c>
      <c r="FOY1" s="216" t="s">
        <v>3633</v>
      </c>
      <c r="FOZ1" s="216" t="s">
        <v>3633</v>
      </c>
      <c r="FPA1" s="216" t="s">
        <v>3633</v>
      </c>
      <c r="FPB1" s="216" t="s">
        <v>3633</v>
      </c>
      <c r="FPC1" s="216" t="s">
        <v>3633</v>
      </c>
      <c r="FPD1" s="216" t="s">
        <v>3633</v>
      </c>
      <c r="FPE1" s="216" t="s">
        <v>3633</v>
      </c>
      <c r="FPF1" s="216" t="s">
        <v>3633</v>
      </c>
      <c r="FPG1" s="216" t="s">
        <v>3633</v>
      </c>
      <c r="FPH1" s="216" t="s">
        <v>3633</v>
      </c>
      <c r="FPI1" s="216" t="s">
        <v>3633</v>
      </c>
      <c r="FPJ1" s="216" t="s">
        <v>3633</v>
      </c>
      <c r="FPK1" s="216" t="s">
        <v>3633</v>
      </c>
      <c r="FPL1" s="216" t="s">
        <v>3633</v>
      </c>
      <c r="FPM1" s="216" t="s">
        <v>3633</v>
      </c>
      <c r="FPN1" s="216" t="s">
        <v>3633</v>
      </c>
      <c r="FPO1" s="216" t="s">
        <v>3633</v>
      </c>
      <c r="FPP1" s="216" t="s">
        <v>3633</v>
      </c>
      <c r="FPQ1" s="216" t="s">
        <v>3633</v>
      </c>
      <c r="FPR1" s="216" t="s">
        <v>3633</v>
      </c>
      <c r="FPS1" s="216" t="s">
        <v>3633</v>
      </c>
      <c r="FPT1" s="216" t="s">
        <v>3633</v>
      </c>
      <c r="FPU1" s="216" t="s">
        <v>3633</v>
      </c>
      <c r="FPV1" s="216" t="s">
        <v>3633</v>
      </c>
      <c r="FPW1" s="216" t="s">
        <v>3633</v>
      </c>
      <c r="FPX1" s="216" t="s">
        <v>3633</v>
      </c>
      <c r="FPY1" s="216" t="s">
        <v>3633</v>
      </c>
      <c r="FPZ1" s="216" t="s">
        <v>3633</v>
      </c>
      <c r="FQA1" s="216" t="s">
        <v>3633</v>
      </c>
      <c r="FQB1" s="216" t="s">
        <v>3633</v>
      </c>
      <c r="FQC1" s="216" t="s">
        <v>3633</v>
      </c>
      <c r="FQD1" s="216" t="s">
        <v>3633</v>
      </c>
      <c r="FQE1" s="216" t="s">
        <v>3633</v>
      </c>
      <c r="FQF1" s="216" t="s">
        <v>3633</v>
      </c>
      <c r="FQG1" s="216" t="s">
        <v>3633</v>
      </c>
      <c r="FQH1" s="216" t="s">
        <v>3633</v>
      </c>
      <c r="FQI1" s="216" t="s">
        <v>3633</v>
      </c>
      <c r="FQJ1" s="216" t="s">
        <v>3633</v>
      </c>
      <c r="FQK1" s="216" t="s">
        <v>3633</v>
      </c>
      <c r="FQL1" s="216" t="s">
        <v>3633</v>
      </c>
      <c r="FQM1" s="216" t="s">
        <v>3633</v>
      </c>
      <c r="FQN1" s="216" t="s">
        <v>3633</v>
      </c>
      <c r="FQO1" s="216" t="s">
        <v>3633</v>
      </c>
      <c r="FQP1" s="216" t="s">
        <v>3633</v>
      </c>
      <c r="FQQ1" s="216" t="s">
        <v>3633</v>
      </c>
      <c r="FQR1" s="216" t="s">
        <v>3633</v>
      </c>
      <c r="FQS1" s="216" t="s">
        <v>3633</v>
      </c>
      <c r="FQT1" s="216" t="s">
        <v>3633</v>
      </c>
      <c r="FQU1" s="216" t="s">
        <v>3633</v>
      </c>
      <c r="FQV1" s="216" t="s">
        <v>3633</v>
      </c>
      <c r="FQW1" s="216" t="s">
        <v>3633</v>
      </c>
      <c r="FQX1" s="216" t="s">
        <v>3633</v>
      </c>
      <c r="FQY1" s="216" t="s">
        <v>3633</v>
      </c>
      <c r="FQZ1" s="216" t="s">
        <v>3633</v>
      </c>
      <c r="FRA1" s="216" t="s">
        <v>3633</v>
      </c>
      <c r="FRB1" s="216" t="s">
        <v>3633</v>
      </c>
      <c r="FRC1" s="216" t="s">
        <v>3633</v>
      </c>
      <c r="FRD1" s="216" t="s">
        <v>3633</v>
      </c>
      <c r="FRE1" s="216" t="s">
        <v>3633</v>
      </c>
      <c r="FRF1" s="216" t="s">
        <v>3633</v>
      </c>
      <c r="FRG1" s="216" t="s">
        <v>3633</v>
      </c>
      <c r="FRH1" s="216" t="s">
        <v>3633</v>
      </c>
      <c r="FRI1" s="216" t="s">
        <v>3633</v>
      </c>
      <c r="FRJ1" s="216" t="s">
        <v>3633</v>
      </c>
      <c r="FRK1" s="216" t="s">
        <v>3633</v>
      </c>
      <c r="FRL1" s="216" t="s">
        <v>3633</v>
      </c>
      <c r="FRM1" s="216" t="s">
        <v>3633</v>
      </c>
      <c r="FRN1" s="216" t="s">
        <v>3633</v>
      </c>
      <c r="FRO1" s="216" t="s">
        <v>3633</v>
      </c>
      <c r="FRP1" s="216" t="s">
        <v>3633</v>
      </c>
      <c r="FRQ1" s="216" t="s">
        <v>3633</v>
      </c>
      <c r="FRR1" s="216" t="s">
        <v>3633</v>
      </c>
      <c r="FRS1" s="216" t="s">
        <v>3633</v>
      </c>
      <c r="FRT1" s="216" t="s">
        <v>3633</v>
      </c>
      <c r="FRU1" s="216" t="s">
        <v>3633</v>
      </c>
      <c r="FRV1" s="216" t="s">
        <v>3633</v>
      </c>
      <c r="FRW1" s="216" t="s">
        <v>3633</v>
      </c>
      <c r="FRX1" s="216" t="s">
        <v>3633</v>
      </c>
      <c r="FRY1" s="216" t="s">
        <v>3633</v>
      </c>
      <c r="FRZ1" s="216" t="s">
        <v>3633</v>
      </c>
      <c r="FSA1" s="216" t="s">
        <v>3633</v>
      </c>
      <c r="FSB1" s="216" t="s">
        <v>3633</v>
      </c>
      <c r="FSC1" s="216" t="s">
        <v>3633</v>
      </c>
      <c r="FSD1" s="216" t="s">
        <v>3633</v>
      </c>
      <c r="FSE1" s="216" t="s">
        <v>3633</v>
      </c>
      <c r="FSF1" s="216" t="s">
        <v>3633</v>
      </c>
      <c r="FSG1" s="216" t="s">
        <v>3633</v>
      </c>
      <c r="FSH1" s="216" t="s">
        <v>3633</v>
      </c>
      <c r="FSI1" s="216" t="s">
        <v>3633</v>
      </c>
      <c r="FSJ1" s="216" t="s">
        <v>3633</v>
      </c>
      <c r="FSK1" s="216" t="s">
        <v>3633</v>
      </c>
      <c r="FSL1" s="216" t="s">
        <v>3633</v>
      </c>
      <c r="FSM1" s="216" t="s">
        <v>3633</v>
      </c>
      <c r="FSN1" s="216" t="s">
        <v>3633</v>
      </c>
      <c r="FSO1" s="216" t="s">
        <v>3633</v>
      </c>
      <c r="FSP1" s="216" t="s">
        <v>3633</v>
      </c>
      <c r="FSQ1" s="216" t="s">
        <v>3633</v>
      </c>
      <c r="FSR1" s="216" t="s">
        <v>3633</v>
      </c>
      <c r="FSS1" s="216" t="s">
        <v>3633</v>
      </c>
      <c r="FST1" s="216" t="s">
        <v>3633</v>
      </c>
      <c r="FSU1" s="216" t="s">
        <v>3633</v>
      </c>
      <c r="FSV1" s="216" t="s">
        <v>3633</v>
      </c>
      <c r="FSW1" s="216" t="s">
        <v>3633</v>
      </c>
      <c r="FSX1" s="216" t="s">
        <v>3633</v>
      </c>
      <c r="FSY1" s="216" t="s">
        <v>3633</v>
      </c>
      <c r="FSZ1" s="216" t="s">
        <v>3633</v>
      </c>
      <c r="FTA1" s="216" t="s">
        <v>3633</v>
      </c>
      <c r="FTB1" s="216" t="s">
        <v>3633</v>
      </c>
      <c r="FTC1" s="216" t="s">
        <v>3633</v>
      </c>
      <c r="FTD1" s="216" t="s">
        <v>3633</v>
      </c>
      <c r="FTE1" s="216" t="s">
        <v>3633</v>
      </c>
      <c r="FTF1" s="216" t="s">
        <v>3633</v>
      </c>
      <c r="FTG1" s="216" t="s">
        <v>3633</v>
      </c>
      <c r="FTH1" s="216" t="s">
        <v>3633</v>
      </c>
      <c r="FTI1" s="216" t="s">
        <v>3633</v>
      </c>
      <c r="FTJ1" s="216" t="s">
        <v>3633</v>
      </c>
      <c r="FTK1" s="216" t="s">
        <v>3633</v>
      </c>
      <c r="FTL1" s="216" t="s">
        <v>3633</v>
      </c>
      <c r="FTM1" s="216" t="s">
        <v>3633</v>
      </c>
      <c r="FTN1" s="216" t="s">
        <v>3633</v>
      </c>
      <c r="FTO1" s="216" t="s">
        <v>3633</v>
      </c>
      <c r="FTP1" s="216" t="s">
        <v>3633</v>
      </c>
      <c r="FTQ1" s="216" t="s">
        <v>3633</v>
      </c>
      <c r="FTR1" s="216" t="s">
        <v>3633</v>
      </c>
      <c r="FTS1" s="216" t="s">
        <v>3633</v>
      </c>
      <c r="FTT1" s="216" t="s">
        <v>3633</v>
      </c>
      <c r="FTU1" s="216" t="s">
        <v>3633</v>
      </c>
      <c r="FTV1" s="216" t="s">
        <v>3633</v>
      </c>
      <c r="FTW1" s="216" t="s">
        <v>3633</v>
      </c>
      <c r="FTX1" s="216" t="s">
        <v>3633</v>
      </c>
      <c r="FTY1" s="216" t="s">
        <v>3633</v>
      </c>
      <c r="FTZ1" s="216" t="s">
        <v>3633</v>
      </c>
      <c r="FUA1" s="216" t="s">
        <v>3633</v>
      </c>
      <c r="FUB1" s="216" t="s">
        <v>3633</v>
      </c>
      <c r="FUC1" s="216" t="s">
        <v>3633</v>
      </c>
      <c r="FUD1" s="216" t="s">
        <v>3633</v>
      </c>
      <c r="FUE1" s="216" t="s">
        <v>3633</v>
      </c>
      <c r="FUF1" s="216" t="s">
        <v>3633</v>
      </c>
      <c r="FUG1" s="216" t="s">
        <v>3633</v>
      </c>
      <c r="FUH1" s="216" t="s">
        <v>3633</v>
      </c>
      <c r="FUI1" s="216" t="s">
        <v>3633</v>
      </c>
      <c r="FUJ1" s="216" t="s">
        <v>3633</v>
      </c>
      <c r="FUK1" s="216" t="s">
        <v>3633</v>
      </c>
      <c r="FUL1" s="216" t="s">
        <v>3633</v>
      </c>
      <c r="FUM1" s="216" t="s">
        <v>3633</v>
      </c>
      <c r="FUN1" s="216" t="s">
        <v>3633</v>
      </c>
      <c r="FUO1" s="216" t="s">
        <v>3633</v>
      </c>
      <c r="FUP1" s="216" t="s">
        <v>3633</v>
      </c>
      <c r="FUQ1" s="216" t="s">
        <v>3633</v>
      </c>
      <c r="FUR1" s="216" t="s">
        <v>3633</v>
      </c>
      <c r="FUS1" s="216" t="s">
        <v>3633</v>
      </c>
      <c r="FUT1" s="216" t="s">
        <v>3633</v>
      </c>
      <c r="FUU1" s="216" t="s">
        <v>3633</v>
      </c>
      <c r="FUV1" s="216" t="s">
        <v>3633</v>
      </c>
      <c r="FUW1" s="216" t="s">
        <v>3633</v>
      </c>
      <c r="FUX1" s="216" t="s">
        <v>3633</v>
      </c>
      <c r="FUY1" s="216" t="s">
        <v>3633</v>
      </c>
      <c r="FUZ1" s="216" t="s">
        <v>3633</v>
      </c>
      <c r="FVA1" s="216" t="s">
        <v>3633</v>
      </c>
      <c r="FVB1" s="216" t="s">
        <v>3633</v>
      </c>
      <c r="FVC1" s="216" t="s">
        <v>3633</v>
      </c>
      <c r="FVD1" s="216" t="s">
        <v>3633</v>
      </c>
      <c r="FVE1" s="216" t="s">
        <v>3633</v>
      </c>
      <c r="FVF1" s="216" t="s">
        <v>3633</v>
      </c>
      <c r="FVG1" s="216" t="s">
        <v>3633</v>
      </c>
      <c r="FVH1" s="216" t="s">
        <v>3633</v>
      </c>
      <c r="FVI1" s="216" t="s">
        <v>3633</v>
      </c>
      <c r="FVJ1" s="216" t="s">
        <v>3633</v>
      </c>
      <c r="FVK1" s="216" t="s">
        <v>3633</v>
      </c>
      <c r="FVL1" s="216" t="s">
        <v>3633</v>
      </c>
      <c r="FVM1" s="216" t="s">
        <v>3633</v>
      </c>
      <c r="FVN1" s="216" t="s">
        <v>3633</v>
      </c>
      <c r="FVO1" s="216" t="s">
        <v>3633</v>
      </c>
      <c r="FVP1" s="216" t="s">
        <v>3633</v>
      </c>
      <c r="FVQ1" s="216" t="s">
        <v>3633</v>
      </c>
      <c r="FVR1" s="216" t="s">
        <v>3633</v>
      </c>
      <c r="FVS1" s="216" t="s">
        <v>3633</v>
      </c>
      <c r="FVT1" s="216" t="s">
        <v>3633</v>
      </c>
      <c r="FVU1" s="216" t="s">
        <v>3633</v>
      </c>
      <c r="FVV1" s="216" t="s">
        <v>3633</v>
      </c>
      <c r="FVW1" s="216" t="s">
        <v>3633</v>
      </c>
      <c r="FVX1" s="216" t="s">
        <v>3633</v>
      </c>
      <c r="FVY1" s="216" t="s">
        <v>3633</v>
      </c>
      <c r="FVZ1" s="216" t="s">
        <v>3633</v>
      </c>
      <c r="FWA1" s="216" t="s">
        <v>3633</v>
      </c>
      <c r="FWB1" s="216" t="s">
        <v>3633</v>
      </c>
      <c r="FWC1" s="216" t="s">
        <v>3633</v>
      </c>
      <c r="FWD1" s="216" t="s">
        <v>3633</v>
      </c>
      <c r="FWE1" s="216" t="s">
        <v>3633</v>
      </c>
      <c r="FWF1" s="216" t="s">
        <v>3633</v>
      </c>
      <c r="FWG1" s="216" t="s">
        <v>3633</v>
      </c>
      <c r="FWH1" s="216" t="s">
        <v>3633</v>
      </c>
      <c r="FWI1" s="216" t="s">
        <v>3633</v>
      </c>
      <c r="FWJ1" s="216" t="s">
        <v>3633</v>
      </c>
      <c r="FWK1" s="216" t="s">
        <v>3633</v>
      </c>
      <c r="FWL1" s="216" t="s">
        <v>3633</v>
      </c>
      <c r="FWM1" s="216" t="s">
        <v>3633</v>
      </c>
      <c r="FWN1" s="216" t="s">
        <v>3633</v>
      </c>
      <c r="FWO1" s="216" t="s">
        <v>3633</v>
      </c>
      <c r="FWP1" s="216" t="s">
        <v>3633</v>
      </c>
      <c r="FWQ1" s="216" t="s">
        <v>3633</v>
      </c>
      <c r="FWR1" s="216" t="s">
        <v>3633</v>
      </c>
      <c r="FWS1" s="216" t="s">
        <v>3633</v>
      </c>
      <c r="FWT1" s="216" t="s">
        <v>3633</v>
      </c>
      <c r="FWU1" s="216" t="s">
        <v>3633</v>
      </c>
      <c r="FWV1" s="216" t="s">
        <v>3633</v>
      </c>
      <c r="FWW1" s="216" t="s">
        <v>3633</v>
      </c>
      <c r="FWX1" s="216" t="s">
        <v>3633</v>
      </c>
      <c r="FWY1" s="216" t="s">
        <v>3633</v>
      </c>
      <c r="FWZ1" s="216" t="s">
        <v>3633</v>
      </c>
      <c r="FXA1" s="216" t="s">
        <v>3633</v>
      </c>
      <c r="FXB1" s="216" t="s">
        <v>3633</v>
      </c>
      <c r="FXC1" s="216" t="s">
        <v>3633</v>
      </c>
      <c r="FXD1" s="216" t="s">
        <v>3633</v>
      </c>
      <c r="FXE1" s="216" t="s">
        <v>3633</v>
      </c>
      <c r="FXF1" s="216" t="s">
        <v>3633</v>
      </c>
      <c r="FXG1" s="216" t="s">
        <v>3633</v>
      </c>
      <c r="FXH1" s="216" t="s">
        <v>3633</v>
      </c>
      <c r="FXI1" s="216" t="s">
        <v>3633</v>
      </c>
      <c r="FXJ1" s="216" t="s">
        <v>3633</v>
      </c>
      <c r="FXK1" s="216" t="s">
        <v>3633</v>
      </c>
      <c r="FXL1" s="216" t="s">
        <v>3633</v>
      </c>
      <c r="FXM1" s="216" t="s">
        <v>3633</v>
      </c>
      <c r="FXN1" s="216" t="s">
        <v>3633</v>
      </c>
      <c r="FXO1" s="216" t="s">
        <v>3633</v>
      </c>
      <c r="FXP1" s="216" t="s">
        <v>3633</v>
      </c>
      <c r="FXQ1" s="216" t="s">
        <v>3633</v>
      </c>
      <c r="FXR1" s="216" t="s">
        <v>3633</v>
      </c>
      <c r="FXS1" s="216" t="s">
        <v>3633</v>
      </c>
      <c r="FXT1" s="216" t="s">
        <v>3633</v>
      </c>
      <c r="FXU1" s="216" t="s">
        <v>3633</v>
      </c>
      <c r="FXV1" s="216" t="s">
        <v>3633</v>
      </c>
      <c r="FXW1" s="216" t="s">
        <v>3633</v>
      </c>
      <c r="FXX1" s="216" t="s">
        <v>3633</v>
      </c>
      <c r="FXY1" s="216" t="s">
        <v>3633</v>
      </c>
      <c r="FXZ1" s="216" t="s">
        <v>3633</v>
      </c>
      <c r="FYA1" s="216" t="s">
        <v>3633</v>
      </c>
      <c r="FYB1" s="216" t="s">
        <v>3633</v>
      </c>
      <c r="FYC1" s="216" t="s">
        <v>3633</v>
      </c>
      <c r="FYD1" s="216" t="s">
        <v>3633</v>
      </c>
      <c r="FYE1" s="216" t="s">
        <v>3633</v>
      </c>
      <c r="FYF1" s="216" t="s">
        <v>3633</v>
      </c>
      <c r="FYG1" s="216" t="s">
        <v>3633</v>
      </c>
      <c r="FYH1" s="216" t="s">
        <v>3633</v>
      </c>
      <c r="FYI1" s="216" t="s">
        <v>3633</v>
      </c>
      <c r="FYJ1" s="216" t="s">
        <v>3633</v>
      </c>
      <c r="FYK1" s="216" t="s">
        <v>3633</v>
      </c>
      <c r="FYL1" s="216" t="s">
        <v>3633</v>
      </c>
      <c r="FYM1" s="216" t="s">
        <v>3633</v>
      </c>
      <c r="FYN1" s="216" t="s">
        <v>3633</v>
      </c>
      <c r="FYO1" s="216" t="s">
        <v>3633</v>
      </c>
      <c r="FYP1" s="216" t="s">
        <v>3633</v>
      </c>
      <c r="FYQ1" s="216" t="s">
        <v>3633</v>
      </c>
      <c r="FYR1" s="216" t="s">
        <v>3633</v>
      </c>
      <c r="FYS1" s="216" t="s">
        <v>3633</v>
      </c>
      <c r="FYT1" s="216" t="s">
        <v>3633</v>
      </c>
      <c r="FYU1" s="216" t="s">
        <v>3633</v>
      </c>
      <c r="FYV1" s="216" t="s">
        <v>3633</v>
      </c>
      <c r="FYW1" s="216" t="s">
        <v>3633</v>
      </c>
      <c r="FYX1" s="216" t="s">
        <v>3633</v>
      </c>
      <c r="FYY1" s="216" t="s">
        <v>3633</v>
      </c>
      <c r="FYZ1" s="216" t="s">
        <v>3633</v>
      </c>
      <c r="FZA1" s="216" t="s">
        <v>3633</v>
      </c>
      <c r="FZB1" s="216" t="s">
        <v>3633</v>
      </c>
      <c r="FZC1" s="216" t="s">
        <v>3633</v>
      </c>
      <c r="FZD1" s="216" t="s">
        <v>3633</v>
      </c>
      <c r="FZE1" s="216" t="s">
        <v>3633</v>
      </c>
      <c r="FZF1" s="216" t="s">
        <v>3633</v>
      </c>
      <c r="FZG1" s="216" t="s">
        <v>3633</v>
      </c>
      <c r="FZH1" s="216" t="s">
        <v>3633</v>
      </c>
      <c r="FZI1" s="216" t="s">
        <v>3633</v>
      </c>
      <c r="FZJ1" s="216" t="s">
        <v>3633</v>
      </c>
      <c r="FZK1" s="216" t="s">
        <v>3633</v>
      </c>
      <c r="FZL1" s="216" t="s">
        <v>3633</v>
      </c>
      <c r="FZM1" s="216" t="s">
        <v>3633</v>
      </c>
      <c r="FZN1" s="216" t="s">
        <v>3633</v>
      </c>
      <c r="FZO1" s="216" t="s">
        <v>3633</v>
      </c>
      <c r="FZP1" s="216" t="s">
        <v>3633</v>
      </c>
      <c r="FZQ1" s="216" t="s">
        <v>3633</v>
      </c>
      <c r="FZR1" s="216" t="s">
        <v>3633</v>
      </c>
      <c r="FZS1" s="216" t="s">
        <v>3633</v>
      </c>
      <c r="FZT1" s="216" t="s">
        <v>3633</v>
      </c>
      <c r="FZU1" s="216" t="s">
        <v>3633</v>
      </c>
      <c r="FZV1" s="216" t="s">
        <v>3633</v>
      </c>
      <c r="FZW1" s="216" t="s">
        <v>3633</v>
      </c>
      <c r="FZX1" s="216" t="s">
        <v>3633</v>
      </c>
      <c r="FZY1" s="216" t="s">
        <v>3633</v>
      </c>
      <c r="FZZ1" s="216" t="s">
        <v>3633</v>
      </c>
      <c r="GAA1" s="216" t="s">
        <v>3633</v>
      </c>
      <c r="GAB1" s="216" t="s">
        <v>3633</v>
      </c>
      <c r="GAC1" s="216" t="s">
        <v>3633</v>
      </c>
      <c r="GAD1" s="216" t="s">
        <v>3633</v>
      </c>
      <c r="GAE1" s="216" t="s">
        <v>3633</v>
      </c>
      <c r="GAF1" s="216" t="s">
        <v>3633</v>
      </c>
      <c r="GAG1" s="216" t="s">
        <v>3633</v>
      </c>
      <c r="GAH1" s="216" t="s">
        <v>3633</v>
      </c>
      <c r="GAI1" s="216" t="s">
        <v>3633</v>
      </c>
      <c r="GAJ1" s="216" t="s">
        <v>3633</v>
      </c>
      <c r="GAK1" s="216" t="s">
        <v>3633</v>
      </c>
      <c r="GAL1" s="216" t="s">
        <v>3633</v>
      </c>
      <c r="GAM1" s="216" t="s">
        <v>3633</v>
      </c>
      <c r="GAN1" s="216" t="s">
        <v>3633</v>
      </c>
      <c r="GAO1" s="216" t="s">
        <v>3633</v>
      </c>
      <c r="GAP1" s="216" t="s">
        <v>3633</v>
      </c>
      <c r="GAQ1" s="216" t="s">
        <v>3633</v>
      </c>
      <c r="GAR1" s="216" t="s">
        <v>3633</v>
      </c>
      <c r="GAS1" s="216" t="s">
        <v>3633</v>
      </c>
      <c r="GAT1" s="216" t="s">
        <v>3633</v>
      </c>
      <c r="GAU1" s="216" t="s">
        <v>3633</v>
      </c>
      <c r="GAV1" s="216" t="s">
        <v>3633</v>
      </c>
      <c r="GAW1" s="216" t="s">
        <v>3633</v>
      </c>
      <c r="GAX1" s="216" t="s">
        <v>3633</v>
      </c>
      <c r="GAY1" s="216" t="s">
        <v>3633</v>
      </c>
      <c r="GAZ1" s="216" t="s">
        <v>3633</v>
      </c>
      <c r="GBA1" s="216" t="s">
        <v>3633</v>
      </c>
      <c r="GBB1" s="216" t="s">
        <v>3633</v>
      </c>
      <c r="GBC1" s="216" t="s">
        <v>3633</v>
      </c>
      <c r="GBD1" s="216" t="s">
        <v>3633</v>
      </c>
      <c r="GBE1" s="216" t="s">
        <v>3633</v>
      </c>
      <c r="GBF1" s="216" t="s">
        <v>3633</v>
      </c>
      <c r="GBG1" s="216" t="s">
        <v>3633</v>
      </c>
      <c r="GBH1" s="216" t="s">
        <v>3633</v>
      </c>
      <c r="GBI1" s="216" t="s">
        <v>3633</v>
      </c>
      <c r="GBJ1" s="216" t="s">
        <v>3633</v>
      </c>
      <c r="GBK1" s="216" t="s">
        <v>3633</v>
      </c>
      <c r="GBL1" s="216" t="s">
        <v>3633</v>
      </c>
      <c r="GBM1" s="216" t="s">
        <v>3633</v>
      </c>
      <c r="GBN1" s="216" t="s">
        <v>3633</v>
      </c>
      <c r="GBO1" s="216" t="s">
        <v>3633</v>
      </c>
      <c r="GBP1" s="216" t="s">
        <v>3633</v>
      </c>
      <c r="GBQ1" s="216" t="s">
        <v>3633</v>
      </c>
      <c r="GBR1" s="216" t="s">
        <v>3633</v>
      </c>
      <c r="GBS1" s="216" t="s">
        <v>3633</v>
      </c>
      <c r="GBT1" s="216" t="s">
        <v>3633</v>
      </c>
      <c r="GBU1" s="216" t="s">
        <v>3633</v>
      </c>
      <c r="GBV1" s="216" t="s">
        <v>3633</v>
      </c>
      <c r="GBW1" s="216" t="s">
        <v>3633</v>
      </c>
      <c r="GBX1" s="216" t="s">
        <v>3633</v>
      </c>
      <c r="GBY1" s="216" t="s">
        <v>3633</v>
      </c>
      <c r="GBZ1" s="216" t="s">
        <v>3633</v>
      </c>
      <c r="GCA1" s="216" t="s">
        <v>3633</v>
      </c>
      <c r="GCB1" s="216" t="s">
        <v>3633</v>
      </c>
      <c r="GCC1" s="216" t="s">
        <v>3633</v>
      </c>
      <c r="GCD1" s="216" t="s">
        <v>3633</v>
      </c>
      <c r="GCE1" s="216" t="s">
        <v>3633</v>
      </c>
      <c r="GCF1" s="216" t="s">
        <v>3633</v>
      </c>
      <c r="GCG1" s="216" t="s">
        <v>3633</v>
      </c>
      <c r="GCH1" s="216" t="s">
        <v>3633</v>
      </c>
      <c r="GCI1" s="216" t="s">
        <v>3633</v>
      </c>
      <c r="GCJ1" s="216" t="s">
        <v>3633</v>
      </c>
      <c r="GCK1" s="216" t="s">
        <v>3633</v>
      </c>
      <c r="GCL1" s="216" t="s">
        <v>3633</v>
      </c>
      <c r="GCM1" s="216" t="s">
        <v>3633</v>
      </c>
      <c r="GCN1" s="216" t="s">
        <v>3633</v>
      </c>
      <c r="GCO1" s="216" t="s">
        <v>3633</v>
      </c>
      <c r="GCP1" s="216" t="s">
        <v>3633</v>
      </c>
      <c r="GCQ1" s="216" t="s">
        <v>3633</v>
      </c>
      <c r="GCR1" s="216" t="s">
        <v>3633</v>
      </c>
      <c r="GCS1" s="216" t="s">
        <v>3633</v>
      </c>
      <c r="GCT1" s="216" t="s">
        <v>3633</v>
      </c>
      <c r="GCU1" s="216" t="s">
        <v>3633</v>
      </c>
      <c r="GCV1" s="216" t="s">
        <v>3633</v>
      </c>
      <c r="GCW1" s="216" t="s">
        <v>3633</v>
      </c>
      <c r="GCX1" s="216" t="s">
        <v>3633</v>
      </c>
      <c r="GCY1" s="216" t="s">
        <v>3633</v>
      </c>
      <c r="GCZ1" s="216" t="s">
        <v>3633</v>
      </c>
      <c r="GDA1" s="216" t="s">
        <v>3633</v>
      </c>
      <c r="GDB1" s="216" t="s">
        <v>3633</v>
      </c>
      <c r="GDC1" s="216" t="s">
        <v>3633</v>
      </c>
      <c r="GDD1" s="216" t="s">
        <v>3633</v>
      </c>
      <c r="GDE1" s="216" t="s">
        <v>3633</v>
      </c>
      <c r="GDF1" s="216" t="s">
        <v>3633</v>
      </c>
      <c r="GDG1" s="216" t="s">
        <v>3633</v>
      </c>
      <c r="GDH1" s="216" t="s">
        <v>3633</v>
      </c>
      <c r="GDI1" s="216" t="s">
        <v>3633</v>
      </c>
      <c r="GDJ1" s="216" t="s">
        <v>3633</v>
      </c>
      <c r="GDK1" s="216" t="s">
        <v>3633</v>
      </c>
      <c r="GDL1" s="216" t="s">
        <v>3633</v>
      </c>
      <c r="GDM1" s="216" t="s">
        <v>3633</v>
      </c>
      <c r="GDN1" s="216" t="s">
        <v>3633</v>
      </c>
      <c r="GDO1" s="216" t="s">
        <v>3633</v>
      </c>
      <c r="GDP1" s="216" t="s">
        <v>3633</v>
      </c>
      <c r="GDQ1" s="216" t="s">
        <v>3633</v>
      </c>
      <c r="GDR1" s="216" t="s">
        <v>3633</v>
      </c>
      <c r="GDS1" s="216" t="s">
        <v>3633</v>
      </c>
      <c r="GDT1" s="216" t="s">
        <v>3633</v>
      </c>
      <c r="GDU1" s="216" t="s">
        <v>3633</v>
      </c>
      <c r="GDV1" s="216" t="s">
        <v>3633</v>
      </c>
      <c r="GDW1" s="216" t="s">
        <v>3633</v>
      </c>
      <c r="GDX1" s="216" t="s">
        <v>3633</v>
      </c>
      <c r="GDY1" s="216" t="s">
        <v>3633</v>
      </c>
      <c r="GDZ1" s="216" t="s">
        <v>3633</v>
      </c>
      <c r="GEA1" s="216" t="s">
        <v>3633</v>
      </c>
      <c r="GEB1" s="216" t="s">
        <v>3633</v>
      </c>
      <c r="GEC1" s="216" t="s">
        <v>3633</v>
      </c>
      <c r="GED1" s="216" t="s">
        <v>3633</v>
      </c>
      <c r="GEE1" s="216" t="s">
        <v>3633</v>
      </c>
      <c r="GEF1" s="216" t="s">
        <v>3633</v>
      </c>
      <c r="GEG1" s="216" t="s">
        <v>3633</v>
      </c>
      <c r="GEH1" s="216" t="s">
        <v>3633</v>
      </c>
      <c r="GEI1" s="216" t="s">
        <v>3633</v>
      </c>
      <c r="GEJ1" s="216" t="s">
        <v>3633</v>
      </c>
      <c r="GEK1" s="216" t="s">
        <v>3633</v>
      </c>
      <c r="GEL1" s="216" t="s">
        <v>3633</v>
      </c>
      <c r="GEM1" s="216" t="s">
        <v>3633</v>
      </c>
      <c r="GEN1" s="216" t="s">
        <v>3633</v>
      </c>
      <c r="GEO1" s="216" t="s">
        <v>3633</v>
      </c>
      <c r="GEP1" s="216" t="s">
        <v>3633</v>
      </c>
      <c r="GEQ1" s="216" t="s">
        <v>3633</v>
      </c>
      <c r="GER1" s="216" t="s">
        <v>3633</v>
      </c>
      <c r="GES1" s="216" t="s">
        <v>3633</v>
      </c>
      <c r="GET1" s="216" t="s">
        <v>3633</v>
      </c>
      <c r="GEU1" s="216" t="s">
        <v>3633</v>
      </c>
      <c r="GEV1" s="216" t="s">
        <v>3633</v>
      </c>
      <c r="GEW1" s="216" t="s">
        <v>3633</v>
      </c>
      <c r="GEX1" s="216" t="s">
        <v>3633</v>
      </c>
      <c r="GEY1" s="216" t="s">
        <v>3633</v>
      </c>
      <c r="GEZ1" s="216" t="s">
        <v>3633</v>
      </c>
      <c r="GFA1" s="216" t="s">
        <v>3633</v>
      </c>
      <c r="GFB1" s="216" t="s">
        <v>3633</v>
      </c>
      <c r="GFC1" s="216" t="s">
        <v>3633</v>
      </c>
      <c r="GFD1" s="216" t="s">
        <v>3633</v>
      </c>
      <c r="GFE1" s="216" t="s">
        <v>3633</v>
      </c>
      <c r="GFF1" s="216" t="s">
        <v>3633</v>
      </c>
      <c r="GFG1" s="216" t="s">
        <v>3633</v>
      </c>
      <c r="GFH1" s="216" t="s">
        <v>3633</v>
      </c>
      <c r="GFI1" s="216" t="s">
        <v>3633</v>
      </c>
      <c r="GFJ1" s="216" t="s">
        <v>3633</v>
      </c>
      <c r="GFK1" s="216" t="s">
        <v>3633</v>
      </c>
      <c r="GFL1" s="216" t="s">
        <v>3633</v>
      </c>
      <c r="GFM1" s="216" t="s">
        <v>3633</v>
      </c>
      <c r="GFN1" s="216" t="s">
        <v>3633</v>
      </c>
      <c r="GFO1" s="216" t="s">
        <v>3633</v>
      </c>
      <c r="GFP1" s="216" t="s">
        <v>3633</v>
      </c>
      <c r="GFQ1" s="216" t="s">
        <v>3633</v>
      </c>
      <c r="GFR1" s="216" t="s">
        <v>3633</v>
      </c>
      <c r="GFS1" s="216" t="s">
        <v>3633</v>
      </c>
      <c r="GFT1" s="216" t="s">
        <v>3633</v>
      </c>
      <c r="GFU1" s="216" t="s">
        <v>3633</v>
      </c>
      <c r="GFV1" s="216" t="s">
        <v>3633</v>
      </c>
      <c r="GFW1" s="216" t="s">
        <v>3633</v>
      </c>
      <c r="GFX1" s="216" t="s">
        <v>3633</v>
      </c>
      <c r="GFY1" s="216" t="s">
        <v>3633</v>
      </c>
      <c r="GFZ1" s="216" t="s">
        <v>3633</v>
      </c>
      <c r="GGA1" s="216" t="s">
        <v>3633</v>
      </c>
      <c r="GGB1" s="216" t="s">
        <v>3633</v>
      </c>
      <c r="GGC1" s="216" t="s">
        <v>3633</v>
      </c>
      <c r="GGD1" s="216" t="s">
        <v>3633</v>
      </c>
      <c r="GGE1" s="216" t="s">
        <v>3633</v>
      </c>
      <c r="GGF1" s="216" t="s">
        <v>3633</v>
      </c>
      <c r="GGG1" s="216" t="s">
        <v>3633</v>
      </c>
      <c r="GGH1" s="216" t="s">
        <v>3633</v>
      </c>
      <c r="GGI1" s="216" t="s">
        <v>3633</v>
      </c>
      <c r="GGJ1" s="216" t="s">
        <v>3633</v>
      </c>
      <c r="GGK1" s="216" t="s">
        <v>3633</v>
      </c>
      <c r="GGL1" s="216" t="s">
        <v>3633</v>
      </c>
      <c r="GGM1" s="216" t="s">
        <v>3633</v>
      </c>
      <c r="GGN1" s="216" t="s">
        <v>3633</v>
      </c>
      <c r="GGO1" s="216" t="s">
        <v>3633</v>
      </c>
      <c r="GGP1" s="216" t="s">
        <v>3633</v>
      </c>
      <c r="GGQ1" s="216" t="s">
        <v>3633</v>
      </c>
      <c r="GGR1" s="216" t="s">
        <v>3633</v>
      </c>
      <c r="GGS1" s="216" t="s">
        <v>3633</v>
      </c>
      <c r="GGT1" s="216" t="s">
        <v>3633</v>
      </c>
      <c r="GGU1" s="216" t="s">
        <v>3633</v>
      </c>
      <c r="GGV1" s="216" t="s">
        <v>3633</v>
      </c>
      <c r="GGW1" s="216" t="s">
        <v>3633</v>
      </c>
      <c r="GGX1" s="216" t="s">
        <v>3633</v>
      </c>
      <c r="GGY1" s="216" t="s">
        <v>3633</v>
      </c>
      <c r="GGZ1" s="216" t="s">
        <v>3633</v>
      </c>
      <c r="GHA1" s="216" t="s">
        <v>3633</v>
      </c>
      <c r="GHB1" s="216" t="s">
        <v>3633</v>
      </c>
      <c r="GHC1" s="216" t="s">
        <v>3633</v>
      </c>
      <c r="GHD1" s="216" t="s">
        <v>3633</v>
      </c>
      <c r="GHE1" s="216" t="s">
        <v>3633</v>
      </c>
      <c r="GHF1" s="216" t="s">
        <v>3633</v>
      </c>
      <c r="GHG1" s="216" t="s">
        <v>3633</v>
      </c>
      <c r="GHH1" s="216" t="s">
        <v>3633</v>
      </c>
      <c r="GHI1" s="216" t="s">
        <v>3633</v>
      </c>
      <c r="GHJ1" s="216" t="s">
        <v>3633</v>
      </c>
      <c r="GHK1" s="216" t="s">
        <v>3633</v>
      </c>
      <c r="GHL1" s="216" t="s">
        <v>3633</v>
      </c>
      <c r="GHM1" s="216" t="s">
        <v>3633</v>
      </c>
      <c r="GHN1" s="216" t="s">
        <v>3633</v>
      </c>
      <c r="GHO1" s="216" t="s">
        <v>3633</v>
      </c>
      <c r="GHP1" s="216" t="s">
        <v>3633</v>
      </c>
      <c r="GHQ1" s="216" t="s">
        <v>3633</v>
      </c>
      <c r="GHR1" s="216" t="s">
        <v>3633</v>
      </c>
      <c r="GHS1" s="216" t="s">
        <v>3633</v>
      </c>
      <c r="GHT1" s="216" t="s">
        <v>3633</v>
      </c>
      <c r="GHU1" s="216" t="s">
        <v>3633</v>
      </c>
      <c r="GHV1" s="216" t="s">
        <v>3633</v>
      </c>
      <c r="GHW1" s="216" t="s">
        <v>3633</v>
      </c>
      <c r="GHX1" s="216" t="s">
        <v>3633</v>
      </c>
      <c r="GHY1" s="216" t="s">
        <v>3633</v>
      </c>
      <c r="GHZ1" s="216" t="s">
        <v>3633</v>
      </c>
      <c r="GIA1" s="216" t="s">
        <v>3633</v>
      </c>
      <c r="GIB1" s="216" t="s">
        <v>3633</v>
      </c>
      <c r="GIC1" s="216" t="s">
        <v>3633</v>
      </c>
      <c r="GID1" s="216" t="s">
        <v>3633</v>
      </c>
      <c r="GIE1" s="216" t="s">
        <v>3633</v>
      </c>
      <c r="GIF1" s="216" t="s">
        <v>3633</v>
      </c>
      <c r="GIG1" s="216" t="s">
        <v>3633</v>
      </c>
      <c r="GIH1" s="216" t="s">
        <v>3633</v>
      </c>
      <c r="GII1" s="216" t="s">
        <v>3633</v>
      </c>
      <c r="GIJ1" s="216" t="s">
        <v>3633</v>
      </c>
      <c r="GIK1" s="216" t="s">
        <v>3633</v>
      </c>
      <c r="GIL1" s="216" t="s">
        <v>3633</v>
      </c>
      <c r="GIM1" s="216" t="s">
        <v>3633</v>
      </c>
      <c r="GIN1" s="216" t="s">
        <v>3633</v>
      </c>
      <c r="GIO1" s="216" t="s">
        <v>3633</v>
      </c>
      <c r="GIP1" s="216" t="s">
        <v>3633</v>
      </c>
      <c r="GIQ1" s="216" t="s">
        <v>3633</v>
      </c>
      <c r="GIR1" s="216" t="s">
        <v>3633</v>
      </c>
      <c r="GIS1" s="216" t="s">
        <v>3633</v>
      </c>
      <c r="GIT1" s="216" t="s">
        <v>3633</v>
      </c>
      <c r="GIU1" s="216" t="s">
        <v>3633</v>
      </c>
      <c r="GIV1" s="216" t="s">
        <v>3633</v>
      </c>
      <c r="GIW1" s="216" t="s">
        <v>3633</v>
      </c>
      <c r="GIX1" s="216" t="s">
        <v>3633</v>
      </c>
      <c r="GIY1" s="216" t="s">
        <v>3633</v>
      </c>
      <c r="GIZ1" s="216" t="s">
        <v>3633</v>
      </c>
      <c r="GJA1" s="216" t="s">
        <v>3633</v>
      </c>
      <c r="GJB1" s="216" t="s">
        <v>3633</v>
      </c>
      <c r="GJC1" s="216" t="s">
        <v>3633</v>
      </c>
      <c r="GJD1" s="216" t="s">
        <v>3633</v>
      </c>
      <c r="GJE1" s="216" t="s">
        <v>3633</v>
      </c>
      <c r="GJF1" s="216" t="s">
        <v>3633</v>
      </c>
      <c r="GJG1" s="216" t="s">
        <v>3633</v>
      </c>
      <c r="GJH1" s="216" t="s">
        <v>3633</v>
      </c>
      <c r="GJI1" s="216" t="s">
        <v>3633</v>
      </c>
      <c r="GJJ1" s="216" t="s">
        <v>3633</v>
      </c>
      <c r="GJK1" s="216" t="s">
        <v>3633</v>
      </c>
      <c r="GJL1" s="216" t="s">
        <v>3633</v>
      </c>
      <c r="GJM1" s="216" t="s">
        <v>3633</v>
      </c>
      <c r="GJN1" s="216" t="s">
        <v>3633</v>
      </c>
      <c r="GJO1" s="216" t="s">
        <v>3633</v>
      </c>
      <c r="GJP1" s="216" t="s">
        <v>3633</v>
      </c>
      <c r="GJQ1" s="216" t="s">
        <v>3633</v>
      </c>
      <c r="GJR1" s="216" t="s">
        <v>3633</v>
      </c>
      <c r="GJS1" s="216" t="s">
        <v>3633</v>
      </c>
      <c r="GJT1" s="216" t="s">
        <v>3633</v>
      </c>
      <c r="GJU1" s="216" t="s">
        <v>3633</v>
      </c>
      <c r="GJV1" s="216" t="s">
        <v>3633</v>
      </c>
      <c r="GJW1" s="216" t="s">
        <v>3633</v>
      </c>
      <c r="GJX1" s="216" t="s">
        <v>3633</v>
      </c>
      <c r="GJY1" s="216" t="s">
        <v>3633</v>
      </c>
      <c r="GJZ1" s="216" t="s">
        <v>3633</v>
      </c>
      <c r="GKA1" s="216" t="s">
        <v>3633</v>
      </c>
      <c r="GKB1" s="216" t="s">
        <v>3633</v>
      </c>
      <c r="GKC1" s="216" t="s">
        <v>3633</v>
      </c>
      <c r="GKD1" s="216" t="s">
        <v>3633</v>
      </c>
      <c r="GKE1" s="216" t="s">
        <v>3633</v>
      </c>
      <c r="GKF1" s="216" t="s">
        <v>3633</v>
      </c>
      <c r="GKG1" s="216" t="s">
        <v>3633</v>
      </c>
      <c r="GKH1" s="216" t="s">
        <v>3633</v>
      </c>
      <c r="GKI1" s="216" t="s">
        <v>3633</v>
      </c>
      <c r="GKJ1" s="216" t="s">
        <v>3633</v>
      </c>
      <c r="GKK1" s="216" t="s">
        <v>3633</v>
      </c>
      <c r="GKL1" s="216" t="s">
        <v>3633</v>
      </c>
      <c r="GKM1" s="216" t="s">
        <v>3633</v>
      </c>
      <c r="GKN1" s="216" t="s">
        <v>3633</v>
      </c>
      <c r="GKO1" s="216" t="s">
        <v>3633</v>
      </c>
      <c r="GKP1" s="216" t="s">
        <v>3633</v>
      </c>
      <c r="GKQ1" s="216" t="s">
        <v>3633</v>
      </c>
      <c r="GKR1" s="216" t="s">
        <v>3633</v>
      </c>
      <c r="GKS1" s="216" t="s">
        <v>3633</v>
      </c>
      <c r="GKT1" s="216" t="s">
        <v>3633</v>
      </c>
      <c r="GKU1" s="216" t="s">
        <v>3633</v>
      </c>
      <c r="GKV1" s="216" t="s">
        <v>3633</v>
      </c>
      <c r="GKW1" s="216" t="s">
        <v>3633</v>
      </c>
      <c r="GKX1" s="216" t="s">
        <v>3633</v>
      </c>
      <c r="GKY1" s="216" t="s">
        <v>3633</v>
      </c>
      <c r="GKZ1" s="216" t="s">
        <v>3633</v>
      </c>
      <c r="GLA1" s="216" t="s">
        <v>3633</v>
      </c>
      <c r="GLB1" s="216" t="s">
        <v>3633</v>
      </c>
      <c r="GLC1" s="216" t="s">
        <v>3633</v>
      </c>
      <c r="GLD1" s="216" t="s">
        <v>3633</v>
      </c>
      <c r="GLE1" s="216" t="s">
        <v>3633</v>
      </c>
      <c r="GLF1" s="216" t="s">
        <v>3633</v>
      </c>
      <c r="GLG1" s="216" t="s">
        <v>3633</v>
      </c>
      <c r="GLH1" s="216" t="s">
        <v>3633</v>
      </c>
      <c r="GLI1" s="216" t="s">
        <v>3633</v>
      </c>
      <c r="GLJ1" s="216" t="s">
        <v>3633</v>
      </c>
      <c r="GLK1" s="216" t="s">
        <v>3633</v>
      </c>
      <c r="GLL1" s="216" t="s">
        <v>3633</v>
      </c>
      <c r="GLM1" s="216" t="s">
        <v>3633</v>
      </c>
      <c r="GLN1" s="216" t="s">
        <v>3633</v>
      </c>
      <c r="GLO1" s="216" t="s">
        <v>3633</v>
      </c>
      <c r="GLP1" s="216" t="s">
        <v>3633</v>
      </c>
      <c r="GLQ1" s="216" t="s">
        <v>3633</v>
      </c>
      <c r="GLR1" s="216" t="s">
        <v>3633</v>
      </c>
      <c r="GLS1" s="216" t="s">
        <v>3633</v>
      </c>
      <c r="GLT1" s="216" t="s">
        <v>3633</v>
      </c>
      <c r="GLU1" s="216" t="s">
        <v>3633</v>
      </c>
      <c r="GLV1" s="216" t="s">
        <v>3633</v>
      </c>
      <c r="GLW1" s="216" t="s">
        <v>3633</v>
      </c>
      <c r="GLX1" s="216" t="s">
        <v>3633</v>
      </c>
      <c r="GLY1" s="216" t="s">
        <v>3633</v>
      </c>
      <c r="GLZ1" s="216" t="s">
        <v>3633</v>
      </c>
      <c r="GMA1" s="216" t="s">
        <v>3633</v>
      </c>
      <c r="GMB1" s="216" t="s">
        <v>3633</v>
      </c>
      <c r="GMC1" s="216" t="s">
        <v>3633</v>
      </c>
      <c r="GMD1" s="216" t="s">
        <v>3633</v>
      </c>
      <c r="GME1" s="216" t="s">
        <v>3633</v>
      </c>
      <c r="GMF1" s="216" t="s">
        <v>3633</v>
      </c>
      <c r="GMG1" s="216" t="s">
        <v>3633</v>
      </c>
      <c r="GMH1" s="216" t="s">
        <v>3633</v>
      </c>
      <c r="GMI1" s="216" t="s">
        <v>3633</v>
      </c>
      <c r="GMJ1" s="216" t="s">
        <v>3633</v>
      </c>
      <c r="GMK1" s="216" t="s">
        <v>3633</v>
      </c>
      <c r="GML1" s="216" t="s">
        <v>3633</v>
      </c>
      <c r="GMM1" s="216" t="s">
        <v>3633</v>
      </c>
      <c r="GMN1" s="216" t="s">
        <v>3633</v>
      </c>
      <c r="GMO1" s="216" t="s">
        <v>3633</v>
      </c>
      <c r="GMP1" s="216" t="s">
        <v>3633</v>
      </c>
      <c r="GMQ1" s="216" t="s">
        <v>3633</v>
      </c>
      <c r="GMR1" s="216" t="s">
        <v>3633</v>
      </c>
      <c r="GMS1" s="216" t="s">
        <v>3633</v>
      </c>
      <c r="GMT1" s="216" t="s">
        <v>3633</v>
      </c>
      <c r="GMU1" s="216" t="s">
        <v>3633</v>
      </c>
      <c r="GMV1" s="216" t="s">
        <v>3633</v>
      </c>
      <c r="GMW1" s="216" t="s">
        <v>3633</v>
      </c>
      <c r="GMX1" s="216" t="s">
        <v>3633</v>
      </c>
      <c r="GMY1" s="216" t="s">
        <v>3633</v>
      </c>
      <c r="GMZ1" s="216" t="s">
        <v>3633</v>
      </c>
      <c r="GNA1" s="216" t="s">
        <v>3633</v>
      </c>
      <c r="GNB1" s="216" t="s">
        <v>3633</v>
      </c>
      <c r="GNC1" s="216" t="s">
        <v>3633</v>
      </c>
      <c r="GND1" s="216" t="s">
        <v>3633</v>
      </c>
      <c r="GNE1" s="216" t="s">
        <v>3633</v>
      </c>
      <c r="GNF1" s="216" t="s">
        <v>3633</v>
      </c>
      <c r="GNG1" s="216" t="s">
        <v>3633</v>
      </c>
      <c r="GNH1" s="216" t="s">
        <v>3633</v>
      </c>
      <c r="GNI1" s="216" t="s">
        <v>3633</v>
      </c>
      <c r="GNJ1" s="216" t="s">
        <v>3633</v>
      </c>
      <c r="GNK1" s="216" t="s">
        <v>3633</v>
      </c>
      <c r="GNL1" s="216" t="s">
        <v>3633</v>
      </c>
      <c r="GNM1" s="216" t="s">
        <v>3633</v>
      </c>
      <c r="GNN1" s="216" t="s">
        <v>3633</v>
      </c>
      <c r="GNO1" s="216" t="s">
        <v>3633</v>
      </c>
      <c r="GNP1" s="216" t="s">
        <v>3633</v>
      </c>
      <c r="GNQ1" s="216" t="s">
        <v>3633</v>
      </c>
      <c r="GNR1" s="216" t="s">
        <v>3633</v>
      </c>
      <c r="GNS1" s="216" t="s">
        <v>3633</v>
      </c>
      <c r="GNT1" s="216" t="s">
        <v>3633</v>
      </c>
      <c r="GNU1" s="216" t="s">
        <v>3633</v>
      </c>
      <c r="GNV1" s="216" t="s">
        <v>3633</v>
      </c>
      <c r="GNW1" s="216" t="s">
        <v>3633</v>
      </c>
      <c r="GNX1" s="216" t="s">
        <v>3633</v>
      </c>
      <c r="GNY1" s="216" t="s">
        <v>3633</v>
      </c>
      <c r="GNZ1" s="216" t="s">
        <v>3633</v>
      </c>
      <c r="GOA1" s="216" t="s">
        <v>3633</v>
      </c>
      <c r="GOB1" s="216" t="s">
        <v>3633</v>
      </c>
      <c r="GOC1" s="216" t="s">
        <v>3633</v>
      </c>
      <c r="GOD1" s="216" t="s">
        <v>3633</v>
      </c>
      <c r="GOE1" s="216" t="s">
        <v>3633</v>
      </c>
      <c r="GOF1" s="216" t="s">
        <v>3633</v>
      </c>
      <c r="GOG1" s="216" t="s">
        <v>3633</v>
      </c>
      <c r="GOH1" s="216" t="s">
        <v>3633</v>
      </c>
      <c r="GOI1" s="216" t="s">
        <v>3633</v>
      </c>
      <c r="GOJ1" s="216" t="s">
        <v>3633</v>
      </c>
      <c r="GOK1" s="216" t="s">
        <v>3633</v>
      </c>
      <c r="GOL1" s="216" t="s">
        <v>3633</v>
      </c>
      <c r="GOM1" s="216" t="s">
        <v>3633</v>
      </c>
      <c r="GON1" s="216" t="s">
        <v>3633</v>
      </c>
      <c r="GOO1" s="216" t="s">
        <v>3633</v>
      </c>
      <c r="GOP1" s="216" t="s">
        <v>3633</v>
      </c>
      <c r="GOQ1" s="216" t="s">
        <v>3633</v>
      </c>
      <c r="GOR1" s="216" t="s">
        <v>3633</v>
      </c>
      <c r="GOS1" s="216" t="s">
        <v>3633</v>
      </c>
      <c r="GOT1" s="216" t="s">
        <v>3633</v>
      </c>
      <c r="GOU1" s="216" t="s">
        <v>3633</v>
      </c>
      <c r="GOV1" s="216" t="s">
        <v>3633</v>
      </c>
      <c r="GOW1" s="216" t="s">
        <v>3633</v>
      </c>
      <c r="GOX1" s="216" t="s">
        <v>3633</v>
      </c>
      <c r="GOY1" s="216" t="s">
        <v>3633</v>
      </c>
      <c r="GOZ1" s="216" t="s">
        <v>3633</v>
      </c>
      <c r="GPA1" s="216" t="s">
        <v>3633</v>
      </c>
      <c r="GPB1" s="216" t="s">
        <v>3633</v>
      </c>
      <c r="GPC1" s="216" t="s">
        <v>3633</v>
      </c>
      <c r="GPD1" s="216" t="s">
        <v>3633</v>
      </c>
      <c r="GPE1" s="216" t="s">
        <v>3633</v>
      </c>
      <c r="GPF1" s="216" t="s">
        <v>3633</v>
      </c>
      <c r="GPG1" s="216" t="s">
        <v>3633</v>
      </c>
      <c r="GPH1" s="216" t="s">
        <v>3633</v>
      </c>
      <c r="GPI1" s="216" t="s">
        <v>3633</v>
      </c>
      <c r="GPJ1" s="216" t="s">
        <v>3633</v>
      </c>
      <c r="GPK1" s="216" t="s">
        <v>3633</v>
      </c>
      <c r="GPL1" s="216" t="s">
        <v>3633</v>
      </c>
      <c r="GPM1" s="216" t="s">
        <v>3633</v>
      </c>
      <c r="GPN1" s="216" t="s">
        <v>3633</v>
      </c>
      <c r="GPO1" s="216" t="s">
        <v>3633</v>
      </c>
      <c r="GPP1" s="216" t="s">
        <v>3633</v>
      </c>
      <c r="GPQ1" s="216" t="s">
        <v>3633</v>
      </c>
      <c r="GPR1" s="216" t="s">
        <v>3633</v>
      </c>
      <c r="GPS1" s="216" t="s">
        <v>3633</v>
      </c>
      <c r="GPT1" s="216" t="s">
        <v>3633</v>
      </c>
      <c r="GPU1" s="216" t="s">
        <v>3633</v>
      </c>
      <c r="GPV1" s="216" t="s">
        <v>3633</v>
      </c>
      <c r="GPW1" s="216" t="s">
        <v>3633</v>
      </c>
      <c r="GPX1" s="216" t="s">
        <v>3633</v>
      </c>
      <c r="GPY1" s="216" t="s">
        <v>3633</v>
      </c>
      <c r="GPZ1" s="216" t="s">
        <v>3633</v>
      </c>
      <c r="GQA1" s="216" t="s">
        <v>3633</v>
      </c>
      <c r="GQB1" s="216" t="s">
        <v>3633</v>
      </c>
      <c r="GQC1" s="216" t="s">
        <v>3633</v>
      </c>
      <c r="GQD1" s="216" t="s">
        <v>3633</v>
      </c>
      <c r="GQE1" s="216" t="s">
        <v>3633</v>
      </c>
      <c r="GQF1" s="216" t="s">
        <v>3633</v>
      </c>
      <c r="GQG1" s="216" t="s">
        <v>3633</v>
      </c>
      <c r="GQH1" s="216" t="s">
        <v>3633</v>
      </c>
      <c r="GQI1" s="216" t="s">
        <v>3633</v>
      </c>
      <c r="GQJ1" s="216" t="s">
        <v>3633</v>
      </c>
      <c r="GQK1" s="216" t="s">
        <v>3633</v>
      </c>
      <c r="GQL1" s="216" t="s">
        <v>3633</v>
      </c>
      <c r="GQM1" s="216" t="s">
        <v>3633</v>
      </c>
      <c r="GQN1" s="216" t="s">
        <v>3633</v>
      </c>
      <c r="GQO1" s="216" t="s">
        <v>3633</v>
      </c>
      <c r="GQP1" s="216" t="s">
        <v>3633</v>
      </c>
      <c r="GQQ1" s="216" t="s">
        <v>3633</v>
      </c>
      <c r="GQR1" s="216" t="s">
        <v>3633</v>
      </c>
      <c r="GQS1" s="216" t="s">
        <v>3633</v>
      </c>
      <c r="GQT1" s="216" t="s">
        <v>3633</v>
      </c>
      <c r="GQU1" s="216" t="s">
        <v>3633</v>
      </c>
      <c r="GQV1" s="216" t="s">
        <v>3633</v>
      </c>
      <c r="GQW1" s="216" t="s">
        <v>3633</v>
      </c>
      <c r="GQX1" s="216" t="s">
        <v>3633</v>
      </c>
      <c r="GQY1" s="216" t="s">
        <v>3633</v>
      </c>
      <c r="GQZ1" s="216" t="s">
        <v>3633</v>
      </c>
      <c r="GRA1" s="216" t="s">
        <v>3633</v>
      </c>
      <c r="GRB1" s="216" t="s">
        <v>3633</v>
      </c>
      <c r="GRC1" s="216" t="s">
        <v>3633</v>
      </c>
      <c r="GRD1" s="216" t="s">
        <v>3633</v>
      </c>
      <c r="GRE1" s="216" t="s">
        <v>3633</v>
      </c>
      <c r="GRF1" s="216" t="s">
        <v>3633</v>
      </c>
      <c r="GRG1" s="216" t="s">
        <v>3633</v>
      </c>
      <c r="GRH1" s="216" t="s">
        <v>3633</v>
      </c>
      <c r="GRI1" s="216" t="s">
        <v>3633</v>
      </c>
      <c r="GRJ1" s="216" t="s">
        <v>3633</v>
      </c>
      <c r="GRK1" s="216" t="s">
        <v>3633</v>
      </c>
      <c r="GRL1" s="216" t="s">
        <v>3633</v>
      </c>
      <c r="GRM1" s="216" t="s">
        <v>3633</v>
      </c>
      <c r="GRN1" s="216" t="s">
        <v>3633</v>
      </c>
      <c r="GRO1" s="216" t="s">
        <v>3633</v>
      </c>
      <c r="GRP1" s="216" t="s">
        <v>3633</v>
      </c>
      <c r="GRQ1" s="216" t="s">
        <v>3633</v>
      </c>
      <c r="GRR1" s="216" t="s">
        <v>3633</v>
      </c>
      <c r="GRS1" s="216" t="s">
        <v>3633</v>
      </c>
      <c r="GRT1" s="216" t="s">
        <v>3633</v>
      </c>
      <c r="GRU1" s="216" t="s">
        <v>3633</v>
      </c>
      <c r="GRV1" s="216" t="s">
        <v>3633</v>
      </c>
      <c r="GRW1" s="216" t="s">
        <v>3633</v>
      </c>
      <c r="GRX1" s="216" t="s">
        <v>3633</v>
      </c>
      <c r="GRY1" s="216" t="s">
        <v>3633</v>
      </c>
      <c r="GRZ1" s="216" t="s">
        <v>3633</v>
      </c>
      <c r="GSA1" s="216" t="s">
        <v>3633</v>
      </c>
      <c r="GSB1" s="216" t="s">
        <v>3633</v>
      </c>
      <c r="GSC1" s="216" t="s">
        <v>3633</v>
      </c>
      <c r="GSD1" s="216" t="s">
        <v>3633</v>
      </c>
      <c r="GSE1" s="216" t="s">
        <v>3633</v>
      </c>
      <c r="GSF1" s="216" t="s">
        <v>3633</v>
      </c>
      <c r="GSG1" s="216" t="s">
        <v>3633</v>
      </c>
      <c r="GSH1" s="216" t="s">
        <v>3633</v>
      </c>
      <c r="GSI1" s="216" t="s">
        <v>3633</v>
      </c>
      <c r="GSJ1" s="216" t="s">
        <v>3633</v>
      </c>
      <c r="GSK1" s="216" t="s">
        <v>3633</v>
      </c>
      <c r="GSL1" s="216" t="s">
        <v>3633</v>
      </c>
      <c r="GSM1" s="216" t="s">
        <v>3633</v>
      </c>
      <c r="GSN1" s="216" t="s">
        <v>3633</v>
      </c>
      <c r="GSO1" s="216" t="s">
        <v>3633</v>
      </c>
      <c r="GSP1" s="216" t="s">
        <v>3633</v>
      </c>
      <c r="GSQ1" s="216" t="s">
        <v>3633</v>
      </c>
      <c r="GSR1" s="216" t="s">
        <v>3633</v>
      </c>
      <c r="GSS1" s="216" t="s">
        <v>3633</v>
      </c>
      <c r="GST1" s="216" t="s">
        <v>3633</v>
      </c>
      <c r="GSU1" s="216" t="s">
        <v>3633</v>
      </c>
      <c r="GSV1" s="216" t="s">
        <v>3633</v>
      </c>
      <c r="GSW1" s="216" t="s">
        <v>3633</v>
      </c>
      <c r="GSX1" s="216" t="s">
        <v>3633</v>
      </c>
      <c r="GSY1" s="216" t="s">
        <v>3633</v>
      </c>
      <c r="GSZ1" s="216" t="s">
        <v>3633</v>
      </c>
      <c r="GTA1" s="216" t="s">
        <v>3633</v>
      </c>
      <c r="GTB1" s="216" t="s">
        <v>3633</v>
      </c>
      <c r="GTC1" s="216" t="s">
        <v>3633</v>
      </c>
      <c r="GTD1" s="216" t="s">
        <v>3633</v>
      </c>
      <c r="GTE1" s="216" t="s">
        <v>3633</v>
      </c>
      <c r="GTF1" s="216" t="s">
        <v>3633</v>
      </c>
      <c r="GTG1" s="216" t="s">
        <v>3633</v>
      </c>
      <c r="GTH1" s="216" t="s">
        <v>3633</v>
      </c>
      <c r="GTI1" s="216" t="s">
        <v>3633</v>
      </c>
      <c r="GTJ1" s="216" t="s">
        <v>3633</v>
      </c>
      <c r="GTK1" s="216" t="s">
        <v>3633</v>
      </c>
      <c r="GTL1" s="216" t="s">
        <v>3633</v>
      </c>
      <c r="GTM1" s="216" t="s">
        <v>3633</v>
      </c>
      <c r="GTN1" s="216" t="s">
        <v>3633</v>
      </c>
      <c r="GTO1" s="216" t="s">
        <v>3633</v>
      </c>
      <c r="GTP1" s="216" t="s">
        <v>3633</v>
      </c>
      <c r="GTQ1" s="216" t="s">
        <v>3633</v>
      </c>
      <c r="GTR1" s="216" t="s">
        <v>3633</v>
      </c>
      <c r="GTS1" s="216" t="s">
        <v>3633</v>
      </c>
      <c r="GTT1" s="216" t="s">
        <v>3633</v>
      </c>
      <c r="GTU1" s="216" t="s">
        <v>3633</v>
      </c>
      <c r="GTV1" s="216" t="s">
        <v>3633</v>
      </c>
      <c r="GTW1" s="216" t="s">
        <v>3633</v>
      </c>
      <c r="GTX1" s="216" t="s">
        <v>3633</v>
      </c>
      <c r="GTY1" s="216" t="s">
        <v>3633</v>
      </c>
      <c r="GTZ1" s="216" t="s">
        <v>3633</v>
      </c>
      <c r="GUA1" s="216" t="s">
        <v>3633</v>
      </c>
      <c r="GUB1" s="216" t="s">
        <v>3633</v>
      </c>
      <c r="GUC1" s="216" t="s">
        <v>3633</v>
      </c>
      <c r="GUD1" s="216" t="s">
        <v>3633</v>
      </c>
      <c r="GUE1" s="216" t="s">
        <v>3633</v>
      </c>
      <c r="GUF1" s="216" t="s">
        <v>3633</v>
      </c>
      <c r="GUG1" s="216" t="s">
        <v>3633</v>
      </c>
      <c r="GUH1" s="216" t="s">
        <v>3633</v>
      </c>
      <c r="GUI1" s="216" t="s">
        <v>3633</v>
      </c>
      <c r="GUJ1" s="216" t="s">
        <v>3633</v>
      </c>
      <c r="GUK1" s="216" t="s">
        <v>3633</v>
      </c>
      <c r="GUL1" s="216" t="s">
        <v>3633</v>
      </c>
      <c r="GUM1" s="216" t="s">
        <v>3633</v>
      </c>
      <c r="GUN1" s="216" t="s">
        <v>3633</v>
      </c>
      <c r="GUO1" s="216" t="s">
        <v>3633</v>
      </c>
      <c r="GUP1" s="216" t="s">
        <v>3633</v>
      </c>
      <c r="GUQ1" s="216" t="s">
        <v>3633</v>
      </c>
      <c r="GUR1" s="216" t="s">
        <v>3633</v>
      </c>
      <c r="GUS1" s="216" t="s">
        <v>3633</v>
      </c>
      <c r="GUT1" s="216" t="s">
        <v>3633</v>
      </c>
      <c r="GUU1" s="216" t="s">
        <v>3633</v>
      </c>
      <c r="GUV1" s="216" t="s">
        <v>3633</v>
      </c>
      <c r="GUW1" s="216" t="s">
        <v>3633</v>
      </c>
      <c r="GUX1" s="216" t="s">
        <v>3633</v>
      </c>
      <c r="GUY1" s="216" t="s">
        <v>3633</v>
      </c>
      <c r="GUZ1" s="216" t="s">
        <v>3633</v>
      </c>
      <c r="GVA1" s="216" t="s">
        <v>3633</v>
      </c>
      <c r="GVB1" s="216" t="s">
        <v>3633</v>
      </c>
      <c r="GVC1" s="216" t="s">
        <v>3633</v>
      </c>
      <c r="GVD1" s="216" t="s">
        <v>3633</v>
      </c>
      <c r="GVE1" s="216" t="s">
        <v>3633</v>
      </c>
      <c r="GVF1" s="216" t="s">
        <v>3633</v>
      </c>
      <c r="GVG1" s="216" t="s">
        <v>3633</v>
      </c>
      <c r="GVH1" s="216" t="s">
        <v>3633</v>
      </c>
      <c r="GVI1" s="216" t="s">
        <v>3633</v>
      </c>
      <c r="GVJ1" s="216" t="s">
        <v>3633</v>
      </c>
      <c r="GVK1" s="216" t="s">
        <v>3633</v>
      </c>
      <c r="GVL1" s="216" t="s">
        <v>3633</v>
      </c>
      <c r="GVM1" s="216" t="s">
        <v>3633</v>
      </c>
      <c r="GVN1" s="216" t="s">
        <v>3633</v>
      </c>
      <c r="GVO1" s="216" t="s">
        <v>3633</v>
      </c>
      <c r="GVP1" s="216" t="s">
        <v>3633</v>
      </c>
      <c r="GVQ1" s="216" t="s">
        <v>3633</v>
      </c>
      <c r="GVR1" s="216" t="s">
        <v>3633</v>
      </c>
      <c r="GVS1" s="216" t="s">
        <v>3633</v>
      </c>
      <c r="GVT1" s="216" t="s">
        <v>3633</v>
      </c>
      <c r="GVU1" s="216" t="s">
        <v>3633</v>
      </c>
      <c r="GVV1" s="216" t="s">
        <v>3633</v>
      </c>
      <c r="GVW1" s="216" t="s">
        <v>3633</v>
      </c>
      <c r="GVX1" s="216" t="s">
        <v>3633</v>
      </c>
      <c r="GVY1" s="216" t="s">
        <v>3633</v>
      </c>
      <c r="GVZ1" s="216" t="s">
        <v>3633</v>
      </c>
      <c r="GWA1" s="216" t="s">
        <v>3633</v>
      </c>
      <c r="GWB1" s="216" t="s">
        <v>3633</v>
      </c>
      <c r="GWC1" s="216" t="s">
        <v>3633</v>
      </c>
      <c r="GWD1" s="216" t="s">
        <v>3633</v>
      </c>
      <c r="GWE1" s="216" t="s">
        <v>3633</v>
      </c>
      <c r="GWF1" s="216" t="s">
        <v>3633</v>
      </c>
      <c r="GWG1" s="216" t="s">
        <v>3633</v>
      </c>
      <c r="GWH1" s="216" t="s">
        <v>3633</v>
      </c>
      <c r="GWI1" s="216" t="s">
        <v>3633</v>
      </c>
      <c r="GWJ1" s="216" t="s">
        <v>3633</v>
      </c>
      <c r="GWK1" s="216" t="s">
        <v>3633</v>
      </c>
      <c r="GWL1" s="216" t="s">
        <v>3633</v>
      </c>
      <c r="GWM1" s="216" t="s">
        <v>3633</v>
      </c>
      <c r="GWN1" s="216" t="s">
        <v>3633</v>
      </c>
      <c r="GWO1" s="216" t="s">
        <v>3633</v>
      </c>
      <c r="GWP1" s="216" t="s">
        <v>3633</v>
      </c>
      <c r="GWQ1" s="216" t="s">
        <v>3633</v>
      </c>
      <c r="GWR1" s="216" t="s">
        <v>3633</v>
      </c>
      <c r="GWS1" s="216" t="s">
        <v>3633</v>
      </c>
      <c r="GWT1" s="216" t="s">
        <v>3633</v>
      </c>
      <c r="GWU1" s="216" t="s">
        <v>3633</v>
      </c>
      <c r="GWV1" s="216" t="s">
        <v>3633</v>
      </c>
      <c r="GWW1" s="216" t="s">
        <v>3633</v>
      </c>
      <c r="GWX1" s="216" t="s">
        <v>3633</v>
      </c>
      <c r="GWY1" s="216" t="s">
        <v>3633</v>
      </c>
      <c r="GWZ1" s="216" t="s">
        <v>3633</v>
      </c>
      <c r="GXA1" s="216" t="s">
        <v>3633</v>
      </c>
      <c r="GXB1" s="216" t="s">
        <v>3633</v>
      </c>
      <c r="GXC1" s="216" t="s">
        <v>3633</v>
      </c>
      <c r="GXD1" s="216" t="s">
        <v>3633</v>
      </c>
      <c r="GXE1" s="216" t="s">
        <v>3633</v>
      </c>
      <c r="GXF1" s="216" t="s">
        <v>3633</v>
      </c>
      <c r="GXG1" s="216" t="s">
        <v>3633</v>
      </c>
      <c r="GXH1" s="216" t="s">
        <v>3633</v>
      </c>
      <c r="GXI1" s="216" t="s">
        <v>3633</v>
      </c>
      <c r="GXJ1" s="216" t="s">
        <v>3633</v>
      </c>
      <c r="GXK1" s="216" t="s">
        <v>3633</v>
      </c>
      <c r="GXL1" s="216" t="s">
        <v>3633</v>
      </c>
      <c r="GXM1" s="216" t="s">
        <v>3633</v>
      </c>
      <c r="GXN1" s="216" t="s">
        <v>3633</v>
      </c>
      <c r="GXO1" s="216" t="s">
        <v>3633</v>
      </c>
      <c r="GXP1" s="216" t="s">
        <v>3633</v>
      </c>
      <c r="GXQ1" s="216" t="s">
        <v>3633</v>
      </c>
      <c r="GXR1" s="216" t="s">
        <v>3633</v>
      </c>
      <c r="GXS1" s="216" t="s">
        <v>3633</v>
      </c>
      <c r="GXT1" s="216" t="s">
        <v>3633</v>
      </c>
      <c r="GXU1" s="216" t="s">
        <v>3633</v>
      </c>
      <c r="GXV1" s="216" t="s">
        <v>3633</v>
      </c>
      <c r="GXW1" s="216" t="s">
        <v>3633</v>
      </c>
      <c r="GXX1" s="216" t="s">
        <v>3633</v>
      </c>
      <c r="GXY1" s="216" t="s">
        <v>3633</v>
      </c>
      <c r="GXZ1" s="216" t="s">
        <v>3633</v>
      </c>
      <c r="GYA1" s="216" t="s">
        <v>3633</v>
      </c>
      <c r="GYB1" s="216" t="s">
        <v>3633</v>
      </c>
      <c r="GYC1" s="216" t="s">
        <v>3633</v>
      </c>
      <c r="GYD1" s="216" t="s">
        <v>3633</v>
      </c>
      <c r="GYE1" s="216" t="s">
        <v>3633</v>
      </c>
      <c r="GYF1" s="216" t="s">
        <v>3633</v>
      </c>
      <c r="GYG1" s="216" t="s">
        <v>3633</v>
      </c>
      <c r="GYH1" s="216" t="s">
        <v>3633</v>
      </c>
      <c r="GYI1" s="216" t="s">
        <v>3633</v>
      </c>
      <c r="GYJ1" s="216" t="s">
        <v>3633</v>
      </c>
      <c r="GYK1" s="216" t="s">
        <v>3633</v>
      </c>
      <c r="GYL1" s="216" t="s">
        <v>3633</v>
      </c>
      <c r="GYM1" s="216" t="s">
        <v>3633</v>
      </c>
      <c r="GYN1" s="216" t="s">
        <v>3633</v>
      </c>
      <c r="GYO1" s="216" t="s">
        <v>3633</v>
      </c>
      <c r="GYP1" s="216" t="s">
        <v>3633</v>
      </c>
      <c r="GYQ1" s="216" t="s">
        <v>3633</v>
      </c>
      <c r="GYR1" s="216" t="s">
        <v>3633</v>
      </c>
      <c r="GYS1" s="216" t="s">
        <v>3633</v>
      </c>
      <c r="GYT1" s="216" t="s">
        <v>3633</v>
      </c>
      <c r="GYU1" s="216" t="s">
        <v>3633</v>
      </c>
      <c r="GYV1" s="216" t="s">
        <v>3633</v>
      </c>
      <c r="GYW1" s="216" t="s">
        <v>3633</v>
      </c>
      <c r="GYX1" s="216" t="s">
        <v>3633</v>
      </c>
      <c r="GYY1" s="216" t="s">
        <v>3633</v>
      </c>
      <c r="GYZ1" s="216" t="s">
        <v>3633</v>
      </c>
      <c r="GZA1" s="216" t="s">
        <v>3633</v>
      </c>
      <c r="GZB1" s="216" t="s">
        <v>3633</v>
      </c>
      <c r="GZC1" s="216" t="s">
        <v>3633</v>
      </c>
      <c r="GZD1" s="216" t="s">
        <v>3633</v>
      </c>
      <c r="GZE1" s="216" t="s">
        <v>3633</v>
      </c>
      <c r="GZF1" s="216" t="s">
        <v>3633</v>
      </c>
      <c r="GZG1" s="216" t="s">
        <v>3633</v>
      </c>
      <c r="GZH1" s="216" t="s">
        <v>3633</v>
      </c>
      <c r="GZI1" s="216" t="s">
        <v>3633</v>
      </c>
      <c r="GZJ1" s="216" t="s">
        <v>3633</v>
      </c>
      <c r="GZK1" s="216" t="s">
        <v>3633</v>
      </c>
      <c r="GZL1" s="216" t="s">
        <v>3633</v>
      </c>
      <c r="GZM1" s="216" t="s">
        <v>3633</v>
      </c>
      <c r="GZN1" s="216" t="s">
        <v>3633</v>
      </c>
      <c r="GZO1" s="216" t="s">
        <v>3633</v>
      </c>
      <c r="GZP1" s="216" t="s">
        <v>3633</v>
      </c>
      <c r="GZQ1" s="216" t="s">
        <v>3633</v>
      </c>
      <c r="GZR1" s="216" t="s">
        <v>3633</v>
      </c>
      <c r="GZS1" s="216" t="s">
        <v>3633</v>
      </c>
      <c r="GZT1" s="216" t="s">
        <v>3633</v>
      </c>
      <c r="GZU1" s="216" t="s">
        <v>3633</v>
      </c>
      <c r="GZV1" s="216" t="s">
        <v>3633</v>
      </c>
      <c r="GZW1" s="216" t="s">
        <v>3633</v>
      </c>
      <c r="GZX1" s="216" t="s">
        <v>3633</v>
      </c>
      <c r="GZY1" s="216" t="s">
        <v>3633</v>
      </c>
      <c r="GZZ1" s="216" t="s">
        <v>3633</v>
      </c>
      <c r="HAA1" s="216" t="s">
        <v>3633</v>
      </c>
      <c r="HAB1" s="216" t="s">
        <v>3633</v>
      </c>
      <c r="HAC1" s="216" t="s">
        <v>3633</v>
      </c>
      <c r="HAD1" s="216" t="s">
        <v>3633</v>
      </c>
      <c r="HAE1" s="216" t="s">
        <v>3633</v>
      </c>
      <c r="HAF1" s="216" t="s">
        <v>3633</v>
      </c>
      <c r="HAG1" s="216" t="s">
        <v>3633</v>
      </c>
      <c r="HAH1" s="216" t="s">
        <v>3633</v>
      </c>
      <c r="HAI1" s="216" t="s">
        <v>3633</v>
      </c>
      <c r="HAJ1" s="216" t="s">
        <v>3633</v>
      </c>
      <c r="HAK1" s="216" t="s">
        <v>3633</v>
      </c>
      <c r="HAL1" s="216" t="s">
        <v>3633</v>
      </c>
      <c r="HAM1" s="216" t="s">
        <v>3633</v>
      </c>
      <c r="HAN1" s="216" t="s">
        <v>3633</v>
      </c>
      <c r="HAO1" s="216" t="s">
        <v>3633</v>
      </c>
      <c r="HAP1" s="216" t="s">
        <v>3633</v>
      </c>
      <c r="HAQ1" s="216" t="s">
        <v>3633</v>
      </c>
      <c r="HAR1" s="216" t="s">
        <v>3633</v>
      </c>
      <c r="HAS1" s="216" t="s">
        <v>3633</v>
      </c>
      <c r="HAT1" s="216" t="s">
        <v>3633</v>
      </c>
      <c r="HAU1" s="216" t="s">
        <v>3633</v>
      </c>
      <c r="HAV1" s="216" t="s">
        <v>3633</v>
      </c>
      <c r="HAW1" s="216" t="s">
        <v>3633</v>
      </c>
      <c r="HAX1" s="216" t="s">
        <v>3633</v>
      </c>
      <c r="HAY1" s="216" t="s">
        <v>3633</v>
      </c>
      <c r="HAZ1" s="216" t="s">
        <v>3633</v>
      </c>
      <c r="HBA1" s="216" t="s">
        <v>3633</v>
      </c>
      <c r="HBB1" s="216" t="s">
        <v>3633</v>
      </c>
      <c r="HBC1" s="216" t="s">
        <v>3633</v>
      </c>
      <c r="HBD1" s="216" t="s">
        <v>3633</v>
      </c>
      <c r="HBE1" s="216" t="s">
        <v>3633</v>
      </c>
      <c r="HBF1" s="216" t="s">
        <v>3633</v>
      </c>
      <c r="HBG1" s="216" t="s">
        <v>3633</v>
      </c>
      <c r="HBH1" s="216" t="s">
        <v>3633</v>
      </c>
      <c r="HBI1" s="216" t="s">
        <v>3633</v>
      </c>
      <c r="HBJ1" s="216" t="s">
        <v>3633</v>
      </c>
      <c r="HBK1" s="216" t="s">
        <v>3633</v>
      </c>
      <c r="HBL1" s="216" t="s">
        <v>3633</v>
      </c>
      <c r="HBM1" s="216" t="s">
        <v>3633</v>
      </c>
      <c r="HBN1" s="216" t="s">
        <v>3633</v>
      </c>
      <c r="HBO1" s="216" t="s">
        <v>3633</v>
      </c>
      <c r="HBP1" s="216" t="s">
        <v>3633</v>
      </c>
      <c r="HBQ1" s="216" t="s">
        <v>3633</v>
      </c>
      <c r="HBR1" s="216" t="s">
        <v>3633</v>
      </c>
      <c r="HBS1" s="216" t="s">
        <v>3633</v>
      </c>
      <c r="HBT1" s="216" t="s">
        <v>3633</v>
      </c>
      <c r="HBU1" s="216" t="s">
        <v>3633</v>
      </c>
      <c r="HBV1" s="216" t="s">
        <v>3633</v>
      </c>
      <c r="HBW1" s="216" t="s">
        <v>3633</v>
      </c>
      <c r="HBX1" s="216" t="s">
        <v>3633</v>
      </c>
      <c r="HBY1" s="216" t="s">
        <v>3633</v>
      </c>
      <c r="HBZ1" s="216" t="s">
        <v>3633</v>
      </c>
      <c r="HCA1" s="216" t="s">
        <v>3633</v>
      </c>
      <c r="HCB1" s="216" t="s">
        <v>3633</v>
      </c>
      <c r="HCC1" s="216" t="s">
        <v>3633</v>
      </c>
      <c r="HCD1" s="216" t="s">
        <v>3633</v>
      </c>
      <c r="HCE1" s="216" t="s">
        <v>3633</v>
      </c>
      <c r="HCF1" s="216" t="s">
        <v>3633</v>
      </c>
      <c r="HCG1" s="216" t="s">
        <v>3633</v>
      </c>
      <c r="HCH1" s="216" t="s">
        <v>3633</v>
      </c>
      <c r="HCI1" s="216" t="s">
        <v>3633</v>
      </c>
      <c r="HCJ1" s="216" t="s">
        <v>3633</v>
      </c>
      <c r="HCK1" s="216" t="s">
        <v>3633</v>
      </c>
      <c r="HCL1" s="216" t="s">
        <v>3633</v>
      </c>
      <c r="HCM1" s="216" t="s">
        <v>3633</v>
      </c>
      <c r="HCN1" s="216" t="s">
        <v>3633</v>
      </c>
      <c r="HCO1" s="216" t="s">
        <v>3633</v>
      </c>
      <c r="HCP1" s="216" t="s">
        <v>3633</v>
      </c>
      <c r="HCQ1" s="216" t="s">
        <v>3633</v>
      </c>
      <c r="HCR1" s="216" t="s">
        <v>3633</v>
      </c>
      <c r="HCS1" s="216" t="s">
        <v>3633</v>
      </c>
      <c r="HCT1" s="216" t="s">
        <v>3633</v>
      </c>
      <c r="HCU1" s="216" t="s">
        <v>3633</v>
      </c>
      <c r="HCV1" s="216" t="s">
        <v>3633</v>
      </c>
      <c r="HCW1" s="216" t="s">
        <v>3633</v>
      </c>
      <c r="HCX1" s="216" t="s">
        <v>3633</v>
      </c>
      <c r="HCY1" s="216" t="s">
        <v>3633</v>
      </c>
      <c r="HCZ1" s="216" t="s">
        <v>3633</v>
      </c>
      <c r="HDA1" s="216" t="s">
        <v>3633</v>
      </c>
      <c r="HDB1" s="216" t="s">
        <v>3633</v>
      </c>
      <c r="HDC1" s="216" t="s">
        <v>3633</v>
      </c>
      <c r="HDD1" s="216" t="s">
        <v>3633</v>
      </c>
      <c r="HDE1" s="216" t="s">
        <v>3633</v>
      </c>
      <c r="HDF1" s="216" t="s">
        <v>3633</v>
      </c>
      <c r="HDG1" s="216" t="s">
        <v>3633</v>
      </c>
      <c r="HDH1" s="216" t="s">
        <v>3633</v>
      </c>
      <c r="HDI1" s="216" t="s">
        <v>3633</v>
      </c>
      <c r="HDJ1" s="216" t="s">
        <v>3633</v>
      </c>
      <c r="HDK1" s="216" t="s">
        <v>3633</v>
      </c>
      <c r="HDL1" s="216" t="s">
        <v>3633</v>
      </c>
      <c r="HDM1" s="216" t="s">
        <v>3633</v>
      </c>
      <c r="HDN1" s="216" t="s">
        <v>3633</v>
      </c>
      <c r="HDO1" s="216" t="s">
        <v>3633</v>
      </c>
      <c r="HDP1" s="216" t="s">
        <v>3633</v>
      </c>
      <c r="HDQ1" s="216" t="s">
        <v>3633</v>
      </c>
      <c r="HDR1" s="216" t="s">
        <v>3633</v>
      </c>
      <c r="HDS1" s="216" t="s">
        <v>3633</v>
      </c>
      <c r="HDT1" s="216" t="s">
        <v>3633</v>
      </c>
      <c r="HDU1" s="216" t="s">
        <v>3633</v>
      </c>
      <c r="HDV1" s="216" t="s">
        <v>3633</v>
      </c>
      <c r="HDW1" s="216" t="s">
        <v>3633</v>
      </c>
      <c r="HDX1" s="216" t="s">
        <v>3633</v>
      </c>
      <c r="HDY1" s="216" t="s">
        <v>3633</v>
      </c>
      <c r="HDZ1" s="216" t="s">
        <v>3633</v>
      </c>
      <c r="HEA1" s="216" t="s">
        <v>3633</v>
      </c>
      <c r="HEB1" s="216" t="s">
        <v>3633</v>
      </c>
      <c r="HEC1" s="216" t="s">
        <v>3633</v>
      </c>
      <c r="HED1" s="216" t="s">
        <v>3633</v>
      </c>
      <c r="HEE1" s="216" t="s">
        <v>3633</v>
      </c>
      <c r="HEF1" s="216" t="s">
        <v>3633</v>
      </c>
      <c r="HEG1" s="216" t="s">
        <v>3633</v>
      </c>
      <c r="HEH1" s="216" t="s">
        <v>3633</v>
      </c>
      <c r="HEI1" s="216" t="s">
        <v>3633</v>
      </c>
      <c r="HEJ1" s="216" t="s">
        <v>3633</v>
      </c>
      <c r="HEK1" s="216" t="s">
        <v>3633</v>
      </c>
      <c r="HEL1" s="216" t="s">
        <v>3633</v>
      </c>
      <c r="HEM1" s="216" t="s">
        <v>3633</v>
      </c>
      <c r="HEN1" s="216" t="s">
        <v>3633</v>
      </c>
      <c r="HEO1" s="216" t="s">
        <v>3633</v>
      </c>
      <c r="HEP1" s="216" t="s">
        <v>3633</v>
      </c>
      <c r="HEQ1" s="216" t="s">
        <v>3633</v>
      </c>
      <c r="HER1" s="216" t="s">
        <v>3633</v>
      </c>
      <c r="HES1" s="216" t="s">
        <v>3633</v>
      </c>
      <c r="HET1" s="216" t="s">
        <v>3633</v>
      </c>
      <c r="HEU1" s="216" t="s">
        <v>3633</v>
      </c>
      <c r="HEV1" s="216" t="s">
        <v>3633</v>
      </c>
      <c r="HEW1" s="216" t="s">
        <v>3633</v>
      </c>
      <c r="HEX1" s="216" t="s">
        <v>3633</v>
      </c>
      <c r="HEY1" s="216" t="s">
        <v>3633</v>
      </c>
      <c r="HEZ1" s="216" t="s">
        <v>3633</v>
      </c>
      <c r="HFA1" s="216" t="s">
        <v>3633</v>
      </c>
      <c r="HFB1" s="216" t="s">
        <v>3633</v>
      </c>
      <c r="HFC1" s="216" t="s">
        <v>3633</v>
      </c>
      <c r="HFD1" s="216" t="s">
        <v>3633</v>
      </c>
      <c r="HFE1" s="216" t="s">
        <v>3633</v>
      </c>
      <c r="HFF1" s="216" t="s">
        <v>3633</v>
      </c>
      <c r="HFG1" s="216" t="s">
        <v>3633</v>
      </c>
      <c r="HFH1" s="216" t="s">
        <v>3633</v>
      </c>
      <c r="HFI1" s="216" t="s">
        <v>3633</v>
      </c>
      <c r="HFJ1" s="216" t="s">
        <v>3633</v>
      </c>
      <c r="HFK1" s="216" t="s">
        <v>3633</v>
      </c>
      <c r="HFL1" s="216" t="s">
        <v>3633</v>
      </c>
      <c r="HFM1" s="216" t="s">
        <v>3633</v>
      </c>
      <c r="HFN1" s="216" t="s">
        <v>3633</v>
      </c>
      <c r="HFO1" s="216" t="s">
        <v>3633</v>
      </c>
      <c r="HFP1" s="216" t="s">
        <v>3633</v>
      </c>
      <c r="HFQ1" s="216" t="s">
        <v>3633</v>
      </c>
      <c r="HFR1" s="216" t="s">
        <v>3633</v>
      </c>
      <c r="HFS1" s="216" t="s">
        <v>3633</v>
      </c>
      <c r="HFT1" s="216" t="s">
        <v>3633</v>
      </c>
      <c r="HFU1" s="216" t="s">
        <v>3633</v>
      </c>
      <c r="HFV1" s="216" t="s">
        <v>3633</v>
      </c>
      <c r="HFW1" s="216" t="s">
        <v>3633</v>
      </c>
      <c r="HFX1" s="216" t="s">
        <v>3633</v>
      </c>
      <c r="HFY1" s="216" t="s">
        <v>3633</v>
      </c>
      <c r="HFZ1" s="216" t="s">
        <v>3633</v>
      </c>
      <c r="HGA1" s="216" t="s">
        <v>3633</v>
      </c>
      <c r="HGB1" s="216" t="s">
        <v>3633</v>
      </c>
      <c r="HGC1" s="216" t="s">
        <v>3633</v>
      </c>
      <c r="HGD1" s="216" t="s">
        <v>3633</v>
      </c>
      <c r="HGE1" s="216" t="s">
        <v>3633</v>
      </c>
      <c r="HGF1" s="216" t="s">
        <v>3633</v>
      </c>
      <c r="HGG1" s="216" t="s">
        <v>3633</v>
      </c>
      <c r="HGH1" s="216" t="s">
        <v>3633</v>
      </c>
      <c r="HGI1" s="216" t="s">
        <v>3633</v>
      </c>
      <c r="HGJ1" s="216" t="s">
        <v>3633</v>
      </c>
      <c r="HGK1" s="216" t="s">
        <v>3633</v>
      </c>
      <c r="HGL1" s="216" t="s">
        <v>3633</v>
      </c>
      <c r="HGM1" s="216" t="s">
        <v>3633</v>
      </c>
      <c r="HGN1" s="216" t="s">
        <v>3633</v>
      </c>
      <c r="HGO1" s="216" t="s">
        <v>3633</v>
      </c>
      <c r="HGP1" s="216" t="s">
        <v>3633</v>
      </c>
      <c r="HGQ1" s="216" t="s">
        <v>3633</v>
      </c>
      <c r="HGR1" s="216" t="s">
        <v>3633</v>
      </c>
      <c r="HGS1" s="216" t="s">
        <v>3633</v>
      </c>
      <c r="HGT1" s="216" t="s">
        <v>3633</v>
      </c>
      <c r="HGU1" s="216" t="s">
        <v>3633</v>
      </c>
      <c r="HGV1" s="216" t="s">
        <v>3633</v>
      </c>
      <c r="HGW1" s="216" t="s">
        <v>3633</v>
      </c>
      <c r="HGX1" s="216" t="s">
        <v>3633</v>
      </c>
      <c r="HGY1" s="216" t="s">
        <v>3633</v>
      </c>
      <c r="HGZ1" s="216" t="s">
        <v>3633</v>
      </c>
      <c r="HHA1" s="216" t="s">
        <v>3633</v>
      </c>
      <c r="HHB1" s="216" t="s">
        <v>3633</v>
      </c>
      <c r="HHC1" s="216" t="s">
        <v>3633</v>
      </c>
      <c r="HHD1" s="216" t="s">
        <v>3633</v>
      </c>
      <c r="HHE1" s="216" t="s">
        <v>3633</v>
      </c>
      <c r="HHF1" s="216" t="s">
        <v>3633</v>
      </c>
      <c r="HHG1" s="216" t="s">
        <v>3633</v>
      </c>
      <c r="HHH1" s="216" t="s">
        <v>3633</v>
      </c>
      <c r="HHI1" s="216" t="s">
        <v>3633</v>
      </c>
      <c r="HHJ1" s="216" t="s">
        <v>3633</v>
      </c>
      <c r="HHK1" s="216" t="s">
        <v>3633</v>
      </c>
      <c r="HHL1" s="216" t="s">
        <v>3633</v>
      </c>
      <c r="HHM1" s="216" t="s">
        <v>3633</v>
      </c>
      <c r="HHN1" s="216" t="s">
        <v>3633</v>
      </c>
      <c r="HHO1" s="216" t="s">
        <v>3633</v>
      </c>
      <c r="HHP1" s="216" t="s">
        <v>3633</v>
      </c>
      <c r="HHQ1" s="216" t="s">
        <v>3633</v>
      </c>
      <c r="HHR1" s="216" t="s">
        <v>3633</v>
      </c>
      <c r="HHS1" s="216" t="s">
        <v>3633</v>
      </c>
      <c r="HHT1" s="216" t="s">
        <v>3633</v>
      </c>
      <c r="HHU1" s="216" t="s">
        <v>3633</v>
      </c>
      <c r="HHV1" s="216" t="s">
        <v>3633</v>
      </c>
      <c r="HHW1" s="216" t="s">
        <v>3633</v>
      </c>
      <c r="HHX1" s="216" t="s">
        <v>3633</v>
      </c>
      <c r="HHY1" s="216" t="s">
        <v>3633</v>
      </c>
      <c r="HHZ1" s="216" t="s">
        <v>3633</v>
      </c>
      <c r="HIA1" s="216" t="s">
        <v>3633</v>
      </c>
      <c r="HIB1" s="216" t="s">
        <v>3633</v>
      </c>
      <c r="HIC1" s="216" t="s">
        <v>3633</v>
      </c>
      <c r="HID1" s="216" t="s">
        <v>3633</v>
      </c>
      <c r="HIE1" s="216" t="s">
        <v>3633</v>
      </c>
      <c r="HIF1" s="216" t="s">
        <v>3633</v>
      </c>
      <c r="HIG1" s="216" t="s">
        <v>3633</v>
      </c>
      <c r="HIH1" s="216" t="s">
        <v>3633</v>
      </c>
      <c r="HII1" s="216" t="s">
        <v>3633</v>
      </c>
      <c r="HIJ1" s="216" t="s">
        <v>3633</v>
      </c>
      <c r="HIK1" s="216" t="s">
        <v>3633</v>
      </c>
      <c r="HIL1" s="216" t="s">
        <v>3633</v>
      </c>
      <c r="HIM1" s="216" t="s">
        <v>3633</v>
      </c>
      <c r="HIN1" s="216" t="s">
        <v>3633</v>
      </c>
      <c r="HIO1" s="216" t="s">
        <v>3633</v>
      </c>
      <c r="HIP1" s="216" t="s">
        <v>3633</v>
      </c>
      <c r="HIQ1" s="216" t="s">
        <v>3633</v>
      </c>
      <c r="HIR1" s="216" t="s">
        <v>3633</v>
      </c>
      <c r="HIS1" s="216" t="s">
        <v>3633</v>
      </c>
      <c r="HIT1" s="216" t="s">
        <v>3633</v>
      </c>
      <c r="HIU1" s="216" t="s">
        <v>3633</v>
      </c>
      <c r="HIV1" s="216" t="s">
        <v>3633</v>
      </c>
      <c r="HIW1" s="216" t="s">
        <v>3633</v>
      </c>
      <c r="HIX1" s="216" t="s">
        <v>3633</v>
      </c>
      <c r="HIY1" s="216" t="s">
        <v>3633</v>
      </c>
      <c r="HIZ1" s="216" t="s">
        <v>3633</v>
      </c>
      <c r="HJA1" s="216" t="s">
        <v>3633</v>
      </c>
      <c r="HJB1" s="216" t="s">
        <v>3633</v>
      </c>
      <c r="HJC1" s="216" t="s">
        <v>3633</v>
      </c>
      <c r="HJD1" s="216" t="s">
        <v>3633</v>
      </c>
      <c r="HJE1" s="216" t="s">
        <v>3633</v>
      </c>
      <c r="HJF1" s="216" t="s">
        <v>3633</v>
      </c>
      <c r="HJG1" s="216" t="s">
        <v>3633</v>
      </c>
      <c r="HJH1" s="216" t="s">
        <v>3633</v>
      </c>
      <c r="HJI1" s="216" t="s">
        <v>3633</v>
      </c>
      <c r="HJJ1" s="216" t="s">
        <v>3633</v>
      </c>
      <c r="HJK1" s="216" t="s">
        <v>3633</v>
      </c>
      <c r="HJL1" s="216" t="s">
        <v>3633</v>
      </c>
      <c r="HJM1" s="216" t="s">
        <v>3633</v>
      </c>
      <c r="HJN1" s="216" t="s">
        <v>3633</v>
      </c>
      <c r="HJO1" s="216" t="s">
        <v>3633</v>
      </c>
      <c r="HJP1" s="216" t="s">
        <v>3633</v>
      </c>
      <c r="HJQ1" s="216" t="s">
        <v>3633</v>
      </c>
      <c r="HJR1" s="216" t="s">
        <v>3633</v>
      </c>
      <c r="HJS1" s="216" t="s">
        <v>3633</v>
      </c>
      <c r="HJT1" s="216" t="s">
        <v>3633</v>
      </c>
      <c r="HJU1" s="216" t="s">
        <v>3633</v>
      </c>
      <c r="HJV1" s="216" t="s">
        <v>3633</v>
      </c>
      <c r="HJW1" s="216" t="s">
        <v>3633</v>
      </c>
      <c r="HJX1" s="216" t="s">
        <v>3633</v>
      </c>
      <c r="HJY1" s="216" t="s">
        <v>3633</v>
      </c>
      <c r="HJZ1" s="216" t="s">
        <v>3633</v>
      </c>
      <c r="HKA1" s="216" t="s">
        <v>3633</v>
      </c>
      <c r="HKB1" s="216" t="s">
        <v>3633</v>
      </c>
      <c r="HKC1" s="216" t="s">
        <v>3633</v>
      </c>
      <c r="HKD1" s="216" t="s">
        <v>3633</v>
      </c>
      <c r="HKE1" s="216" t="s">
        <v>3633</v>
      </c>
      <c r="HKF1" s="216" t="s">
        <v>3633</v>
      </c>
      <c r="HKG1" s="216" t="s">
        <v>3633</v>
      </c>
      <c r="HKH1" s="216" t="s">
        <v>3633</v>
      </c>
      <c r="HKI1" s="216" t="s">
        <v>3633</v>
      </c>
      <c r="HKJ1" s="216" t="s">
        <v>3633</v>
      </c>
      <c r="HKK1" s="216" t="s">
        <v>3633</v>
      </c>
      <c r="HKL1" s="216" t="s">
        <v>3633</v>
      </c>
      <c r="HKM1" s="216" t="s">
        <v>3633</v>
      </c>
      <c r="HKN1" s="216" t="s">
        <v>3633</v>
      </c>
      <c r="HKO1" s="216" t="s">
        <v>3633</v>
      </c>
      <c r="HKP1" s="216" t="s">
        <v>3633</v>
      </c>
      <c r="HKQ1" s="216" t="s">
        <v>3633</v>
      </c>
      <c r="HKR1" s="216" t="s">
        <v>3633</v>
      </c>
      <c r="HKS1" s="216" t="s">
        <v>3633</v>
      </c>
      <c r="HKT1" s="216" t="s">
        <v>3633</v>
      </c>
      <c r="HKU1" s="216" t="s">
        <v>3633</v>
      </c>
      <c r="HKV1" s="216" t="s">
        <v>3633</v>
      </c>
      <c r="HKW1" s="216" t="s">
        <v>3633</v>
      </c>
      <c r="HKX1" s="216" t="s">
        <v>3633</v>
      </c>
      <c r="HKY1" s="216" t="s">
        <v>3633</v>
      </c>
      <c r="HKZ1" s="216" t="s">
        <v>3633</v>
      </c>
      <c r="HLA1" s="216" t="s">
        <v>3633</v>
      </c>
      <c r="HLB1" s="216" t="s">
        <v>3633</v>
      </c>
      <c r="HLC1" s="216" t="s">
        <v>3633</v>
      </c>
      <c r="HLD1" s="216" t="s">
        <v>3633</v>
      </c>
      <c r="HLE1" s="216" t="s">
        <v>3633</v>
      </c>
      <c r="HLF1" s="216" t="s">
        <v>3633</v>
      </c>
      <c r="HLG1" s="216" t="s">
        <v>3633</v>
      </c>
      <c r="HLH1" s="216" t="s">
        <v>3633</v>
      </c>
      <c r="HLI1" s="216" t="s">
        <v>3633</v>
      </c>
      <c r="HLJ1" s="216" t="s">
        <v>3633</v>
      </c>
      <c r="HLK1" s="216" t="s">
        <v>3633</v>
      </c>
      <c r="HLL1" s="216" t="s">
        <v>3633</v>
      </c>
      <c r="HLM1" s="216" t="s">
        <v>3633</v>
      </c>
      <c r="HLN1" s="216" t="s">
        <v>3633</v>
      </c>
      <c r="HLO1" s="216" t="s">
        <v>3633</v>
      </c>
      <c r="HLP1" s="216" t="s">
        <v>3633</v>
      </c>
      <c r="HLQ1" s="216" t="s">
        <v>3633</v>
      </c>
      <c r="HLR1" s="216" t="s">
        <v>3633</v>
      </c>
      <c r="HLS1" s="216" t="s">
        <v>3633</v>
      </c>
      <c r="HLT1" s="216" t="s">
        <v>3633</v>
      </c>
      <c r="HLU1" s="216" t="s">
        <v>3633</v>
      </c>
      <c r="HLV1" s="216" t="s">
        <v>3633</v>
      </c>
      <c r="HLW1" s="216" t="s">
        <v>3633</v>
      </c>
      <c r="HLX1" s="216" t="s">
        <v>3633</v>
      </c>
      <c r="HLY1" s="216" t="s">
        <v>3633</v>
      </c>
      <c r="HLZ1" s="216" t="s">
        <v>3633</v>
      </c>
      <c r="HMA1" s="216" t="s">
        <v>3633</v>
      </c>
      <c r="HMB1" s="216" t="s">
        <v>3633</v>
      </c>
      <c r="HMC1" s="216" t="s">
        <v>3633</v>
      </c>
      <c r="HMD1" s="216" t="s">
        <v>3633</v>
      </c>
      <c r="HME1" s="216" t="s">
        <v>3633</v>
      </c>
      <c r="HMF1" s="216" t="s">
        <v>3633</v>
      </c>
      <c r="HMG1" s="216" t="s">
        <v>3633</v>
      </c>
      <c r="HMH1" s="216" t="s">
        <v>3633</v>
      </c>
      <c r="HMI1" s="216" t="s">
        <v>3633</v>
      </c>
      <c r="HMJ1" s="216" t="s">
        <v>3633</v>
      </c>
      <c r="HMK1" s="216" t="s">
        <v>3633</v>
      </c>
      <c r="HML1" s="216" t="s">
        <v>3633</v>
      </c>
      <c r="HMM1" s="216" t="s">
        <v>3633</v>
      </c>
      <c r="HMN1" s="216" t="s">
        <v>3633</v>
      </c>
      <c r="HMO1" s="216" t="s">
        <v>3633</v>
      </c>
      <c r="HMP1" s="216" t="s">
        <v>3633</v>
      </c>
      <c r="HMQ1" s="216" t="s">
        <v>3633</v>
      </c>
      <c r="HMR1" s="216" t="s">
        <v>3633</v>
      </c>
      <c r="HMS1" s="216" t="s">
        <v>3633</v>
      </c>
      <c r="HMT1" s="216" t="s">
        <v>3633</v>
      </c>
      <c r="HMU1" s="216" t="s">
        <v>3633</v>
      </c>
      <c r="HMV1" s="216" t="s">
        <v>3633</v>
      </c>
      <c r="HMW1" s="216" t="s">
        <v>3633</v>
      </c>
      <c r="HMX1" s="216" t="s">
        <v>3633</v>
      </c>
      <c r="HMY1" s="216" t="s">
        <v>3633</v>
      </c>
      <c r="HMZ1" s="216" t="s">
        <v>3633</v>
      </c>
      <c r="HNA1" s="216" t="s">
        <v>3633</v>
      </c>
      <c r="HNB1" s="216" t="s">
        <v>3633</v>
      </c>
      <c r="HNC1" s="216" t="s">
        <v>3633</v>
      </c>
      <c r="HND1" s="216" t="s">
        <v>3633</v>
      </c>
      <c r="HNE1" s="216" t="s">
        <v>3633</v>
      </c>
      <c r="HNF1" s="216" t="s">
        <v>3633</v>
      </c>
      <c r="HNG1" s="216" t="s">
        <v>3633</v>
      </c>
      <c r="HNH1" s="216" t="s">
        <v>3633</v>
      </c>
      <c r="HNI1" s="216" t="s">
        <v>3633</v>
      </c>
      <c r="HNJ1" s="216" t="s">
        <v>3633</v>
      </c>
      <c r="HNK1" s="216" t="s">
        <v>3633</v>
      </c>
      <c r="HNL1" s="216" t="s">
        <v>3633</v>
      </c>
      <c r="HNM1" s="216" t="s">
        <v>3633</v>
      </c>
      <c r="HNN1" s="216" t="s">
        <v>3633</v>
      </c>
      <c r="HNO1" s="216" t="s">
        <v>3633</v>
      </c>
      <c r="HNP1" s="216" t="s">
        <v>3633</v>
      </c>
      <c r="HNQ1" s="216" t="s">
        <v>3633</v>
      </c>
      <c r="HNR1" s="216" t="s">
        <v>3633</v>
      </c>
      <c r="HNS1" s="216" t="s">
        <v>3633</v>
      </c>
      <c r="HNT1" s="216" t="s">
        <v>3633</v>
      </c>
      <c r="HNU1" s="216" t="s">
        <v>3633</v>
      </c>
      <c r="HNV1" s="216" t="s">
        <v>3633</v>
      </c>
      <c r="HNW1" s="216" t="s">
        <v>3633</v>
      </c>
      <c r="HNX1" s="216" t="s">
        <v>3633</v>
      </c>
      <c r="HNY1" s="216" t="s">
        <v>3633</v>
      </c>
      <c r="HNZ1" s="216" t="s">
        <v>3633</v>
      </c>
      <c r="HOA1" s="216" t="s">
        <v>3633</v>
      </c>
      <c r="HOB1" s="216" t="s">
        <v>3633</v>
      </c>
      <c r="HOC1" s="216" t="s">
        <v>3633</v>
      </c>
      <c r="HOD1" s="216" t="s">
        <v>3633</v>
      </c>
      <c r="HOE1" s="216" t="s">
        <v>3633</v>
      </c>
      <c r="HOF1" s="216" t="s">
        <v>3633</v>
      </c>
      <c r="HOG1" s="216" t="s">
        <v>3633</v>
      </c>
      <c r="HOH1" s="216" t="s">
        <v>3633</v>
      </c>
      <c r="HOI1" s="216" t="s">
        <v>3633</v>
      </c>
      <c r="HOJ1" s="216" t="s">
        <v>3633</v>
      </c>
      <c r="HOK1" s="216" t="s">
        <v>3633</v>
      </c>
      <c r="HOL1" s="216" t="s">
        <v>3633</v>
      </c>
      <c r="HOM1" s="216" t="s">
        <v>3633</v>
      </c>
      <c r="HON1" s="216" t="s">
        <v>3633</v>
      </c>
      <c r="HOO1" s="216" t="s">
        <v>3633</v>
      </c>
      <c r="HOP1" s="216" t="s">
        <v>3633</v>
      </c>
      <c r="HOQ1" s="216" t="s">
        <v>3633</v>
      </c>
      <c r="HOR1" s="216" t="s">
        <v>3633</v>
      </c>
      <c r="HOS1" s="216" t="s">
        <v>3633</v>
      </c>
      <c r="HOT1" s="216" t="s">
        <v>3633</v>
      </c>
      <c r="HOU1" s="216" t="s">
        <v>3633</v>
      </c>
      <c r="HOV1" s="216" t="s">
        <v>3633</v>
      </c>
      <c r="HOW1" s="216" t="s">
        <v>3633</v>
      </c>
      <c r="HOX1" s="216" t="s">
        <v>3633</v>
      </c>
      <c r="HOY1" s="216" t="s">
        <v>3633</v>
      </c>
      <c r="HOZ1" s="216" t="s">
        <v>3633</v>
      </c>
      <c r="HPA1" s="216" t="s">
        <v>3633</v>
      </c>
      <c r="HPB1" s="216" t="s">
        <v>3633</v>
      </c>
      <c r="HPC1" s="216" t="s">
        <v>3633</v>
      </c>
      <c r="HPD1" s="216" t="s">
        <v>3633</v>
      </c>
      <c r="HPE1" s="216" t="s">
        <v>3633</v>
      </c>
      <c r="HPF1" s="216" t="s">
        <v>3633</v>
      </c>
      <c r="HPG1" s="216" t="s">
        <v>3633</v>
      </c>
      <c r="HPH1" s="216" t="s">
        <v>3633</v>
      </c>
      <c r="HPI1" s="216" t="s">
        <v>3633</v>
      </c>
      <c r="HPJ1" s="216" t="s">
        <v>3633</v>
      </c>
      <c r="HPK1" s="216" t="s">
        <v>3633</v>
      </c>
      <c r="HPL1" s="216" t="s">
        <v>3633</v>
      </c>
      <c r="HPM1" s="216" t="s">
        <v>3633</v>
      </c>
      <c r="HPN1" s="216" t="s">
        <v>3633</v>
      </c>
      <c r="HPO1" s="216" t="s">
        <v>3633</v>
      </c>
      <c r="HPP1" s="216" t="s">
        <v>3633</v>
      </c>
      <c r="HPQ1" s="216" t="s">
        <v>3633</v>
      </c>
      <c r="HPR1" s="216" t="s">
        <v>3633</v>
      </c>
      <c r="HPS1" s="216" t="s">
        <v>3633</v>
      </c>
      <c r="HPT1" s="216" t="s">
        <v>3633</v>
      </c>
      <c r="HPU1" s="216" t="s">
        <v>3633</v>
      </c>
      <c r="HPV1" s="216" t="s">
        <v>3633</v>
      </c>
      <c r="HPW1" s="216" t="s">
        <v>3633</v>
      </c>
      <c r="HPX1" s="216" t="s">
        <v>3633</v>
      </c>
      <c r="HPY1" s="216" t="s">
        <v>3633</v>
      </c>
      <c r="HPZ1" s="216" t="s">
        <v>3633</v>
      </c>
      <c r="HQA1" s="216" t="s">
        <v>3633</v>
      </c>
      <c r="HQB1" s="216" t="s">
        <v>3633</v>
      </c>
      <c r="HQC1" s="216" t="s">
        <v>3633</v>
      </c>
      <c r="HQD1" s="216" t="s">
        <v>3633</v>
      </c>
      <c r="HQE1" s="216" t="s">
        <v>3633</v>
      </c>
      <c r="HQF1" s="216" t="s">
        <v>3633</v>
      </c>
      <c r="HQG1" s="216" t="s">
        <v>3633</v>
      </c>
      <c r="HQH1" s="216" t="s">
        <v>3633</v>
      </c>
      <c r="HQI1" s="216" t="s">
        <v>3633</v>
      </c>
      <c r="HQJ1" s="216" t="s">
        <v>3633</v>
      </c>
      <c r="HQK1" s="216" t="s">
        <v>3633</v>
      </c>
      <c r="HQL1" s="216" t="s">
        <v>3633</v>
      </c>
      <c r="HQM1" s="216" t="s">
        <v>3633</v>
      </c>
      <c r="HQN1" s="216" t="s">
        <v>3633</v>
      </c>
      <c r="HQO1" s="216" t="s">
        <v>3633</v>
      </c>
      <c r="HQP1" s="216" t="s">
        <v>3633</v>
      </c>
      <c r="HQQ1" s="216" t="s">
        <v>3633</v>
      </c>
      <c r="HQR1" s="216" t="s">
        <v>3633</v>
      </c>
      <c r="HQS1" s="216" t="s">
        <v>3633</v>
      </c>
      <c r="HQT1" s="216" t="s">
        <v>3633</v>
      </c>
      <c r="HQU1" s="216" t="s">
        <v>3633</v>
      </c>
      <c r="HQV1" s="216" t="s">
        <v>3633</v>
      </c>
      <c r="HQW1" s="216" t="s">
        <v>3633</v>
      </c>
      <c r="HQX1" s="216" t="s">
        <v>3633</v>
      </c>
      <c r="HQY1" s="216" t="s">
        <v>3633</v>
      </c>
      <c r="HQZ1" s="216" t="s">
        <v>3633</v>
      </c>
      <c r="HRA1" s="216" t="s">
        <v>3633</v>
      </c>
      <c r="HRB1" s="216" t="s">
        <v>3633</v>
      </c>
      <c r="HRC1" s="216" t="s">
        <v>3633</v>
      </c>
      <c r="HRD1" s="216" t="s">
        <v>3633</v>
      </c>
      <c r="HRE1" s="216" t="s">
        <v>3633</v>
      </c>
      <c r="HRF1" s="216" t="s">
        <v>3633</v>
      </c>
      <c r="HRG1" s="216" t="s">
        <v>3633</v>
      </c>
      <c r="HRH1" s="216" t="s">
        <v>3633</v>
      </c>
      <c r="HRI1" s="216" t="s">
        <v>3633</v>
      </c>
      <c r="HRJ1" s="216" t="s">
        <v>3633</v>
      </c>
      <c r="HRK1" s="216" t="s">
        <v>3633</v>
      </c>
      <c r="HRL1" s="216" t="s">
        <v>3633</v>
      </c>
      <c r="HRM1" s="216" t="s">
        <v>3633</v>
      </c>
      <c r="HRN1" s="216" t="s">
        <v>3633</v>
      </c>
      <c r="HRO1" s="216" t="s">
        <v>3633</v>
      </c>
      <c r="HRP1" s="216" t="s">
        <v>3633</v>
      </c>
      <c r="HRQ1" s="216" t="s">
        <v>3633</v>
      </c>
      <c r="HRR1" s="216" t="s">
        <v>3633</v>
      </c>
      <c r="HRS1" s="216" t="s">
        <v>3633</v>
      </c>
      <c r="HRT1" s="216" t="s">
        <v>3633</v>
      </c>
      <c r="HRU1" s="216" t="s">
        <v>3633</v>
      </c>
      <c r="HRV1" s="216" t="s">
        <v>3633</v>
      </c>
      <c r="HRW1" s="216" t="s">
        <v>3633</v>
      </c>
      <c r="HRX1" s="216" t="s">
        <v>3633</v>
      </c>
      <c r="HRY1" s="216" t="s">
        <v>3633</v>
      </c>
      <c r="HRZ1" s="216" t="s">
        <v>3633</v>
      </c>
      <c r="HSA1" s="216" t="s">
        <v>3633</v>
      </c>
      <c r="HSB1" s="216" t="s">
        <v>3633</v>
      </c>
      <c r="HSC1" s="216" t="s">
        <v>3633</v>
      </c>
      <c r="HSD1" s="216" t="s">
        <v>3633</v>
      </c>
      <c r="HSE1" s="216" t="s">
        <v>3633</v>
      </c>
      <c r="HSF1" s="216" t="s">
        <v>3633</v>
      </c>
      <c r="HSG1" s="216" t="s">
        <v>3633</v>
      </c>
      <c r="HSH1" s="216" t="s">
        <v>3633</v>
      </c>
      <c r="HSI1" s="216" t="s">
        <v>3633</v>
      </c>
      <c r="HSJ1" s="216" t="s">
        <v>3633</v>
      </c>
      <c r="HSK1" s="216" t="s">
        <v>3633</v>
      </c>
      <c r="HSL1" s="216" t="s">
        <v>3633</v>
      </c>
      <c r="HSM1" s="216" t="s">
        <v>3633</v>
      </c>
      <c r="HSN1" s="216" t="s">
        <v>3633</v>
      </c>
      <c r="HSO1" s="216" t="s">
        <v>3633</v>
      </c>
      <c r="HSP1" s="216" t="s">
        <v>3633</v>
      </c>
      <c r="HSQ1" s="216" t="s">
        <v>3633</v>
      </c>
      <c r="HSR1" s="216" t="s">
        <v>3633</v>
      </c>
      <c r="HSS1" s="216" t="s">
        <v>3633</v>
      </c>
      <c r="HST1" s="216" t="s">
        <v>3633</v>
      </c>
      <c r="HSU1" s="216" t="s">
        <v>3633</v>
      </c>
      <c r="HSV1" s="216" t="s">
        <v>3633</v>
      </c>
      <c r="HSW1" s="216" t="s">
        <v>3633</v>
      </c>
      <c r="HSX1" s="216" t="s">
        <v>3633</v>
      </c>
      <c r="HSY1" s="216" t="s">
        <v>3633</v>
      </c>
      <c r="HSZ1" s="216" t="s">
        <v>3633</v>
      </c>
      <c r="HTA1" s="216" t="s">
        <v>3633</v>
      </c>
      <c r="HTB1" s="216" t="s">
        <v>3633</v>
      </c>
      <c r="HTC1" s="216" t="s">
        <v>3633</v>
      </c>
      <c r="HTD1" s="216" t="s">
        <v>3633</v>
      </c>
      <c r="HTE1" s="216" t="s">
        <v>3633</v>
      </c>
      <c r="HTF1" s="216" t="s">
        <v>3633</v>
      </c>
      <c r="HTG1" s="216" t="s">
        <v>3633</v>
      </c>
      <c r="HTH1" s="216" t="s">
        <v>3633</v>
      </c>
      <c r="HTI1" s="216" t="s">
        <v>3633</v>
      </c>
      <c r="HTJ1" s="216" t="s">
        <v>3633</v>
      </c>
      <c r="HTK1" s="216" t="s">
        <v>3633</v>
      </c>
      <c r="HTL1" s="216" t="s">
        <v>3633</v>
      </c>
      <c r="HTM1" s="216" t="s">
        <v>3633</v>
      </c>
      <c r="HTN1" s="216" t="s">
        <v>3633</v>
      </c>
      <c r="HTO1" s="216" t="s">
        <v>3633</v>
      </c>
      <c r="HTP1" s="216" t="s">
        <v>3633</v>
      </c>
      <c r="HTQ1" s="216" t="s">
        <v>3633</v>
      </c>
      <c r="HTR1" s="216" t="s">
        <v>3633</v>
      </c>
      <c r="HTS1" s="216" t="s">
        <v>3633</v>
      </c>
      <c r="HTT1" s="216" t="s">
        <v>3633</v>
      </c>
      <c r="HTU1" s="216" t="s">
        <v>3633</v>
      </c>
      <c r="HTV1" s="216" t="s">
        <v>3633</v>
      </c>
      <c r="HTW1" s="216" t="s">
        <v>3633</v>
      </c>
      <c r="HTX1" s="216" t="s">
        <v>3633</v>
      </c>
      <c r="HTY1" s="216" t="s">
        <v>3633</v>
      </c>
      <c r="HTZ1" s="216" t="s">
        <v>3633</v>
      </c>
      <c r="HUA1" s="216" t="s">
        <v>3633</v>
      </c>
      <c r="HUB1" s="216" t="s">
        <v>3633</v>
      </c>
      <c r="HUC1" s="216" t="s">
        <v>3633</v>
      </c>
      <c r="HUD1" s="216" t="s">
        <v>3633</v>
      </c>
      <c r="HUE1" s="216" t="s">
        <v>3633</v>
      </c>
      <c r="HUF1" s="216" t="s">
        <v>3633</v>
      </c>
      <c r="HUG1" s="216" t="s">
        <v>3633</v>
      </c>
      <c r="HUH1" s="216" t="s">
        <v>3633</v>
      </c>
      <c r="HUI1" s="216" t="s">
        <v>3633</v>
      </c>
      <c r="HUJ1" s="216" t="s">
        <v>3633</v>
      </c>
      <c r="HUK1" s="216" t="s">
        <v>3633</v>
      </c>
      <c r="HUL1" s="216" t="s">
        <v>3633</v>
      </c>
      <c r="HUM1" s="216" t="s">
        <v>3633</v>
      </c>
      <c r="HUN1" s="216" t="s">
        <v>3633</v>
      </c>
      <c r="HUO1" s="216" t="s">
        <v>3633</v>
      </c>
      <c r="HUP1" s="216" t="s">
        <v>3633</v>
      </c>
      <c r="HUQ1" s="216" t="s">
        <v>3633</v>
      </c>
      <c r="HUR1" s="216" t="s">
        <v>3633</v>
      </c>
      <c r="HUS1" s="216" t="s">
        <v>3633</v>
      </c>
      <c r="HUT1" s="216" t="s">
        <v>3633</v>
      </c>
      <c r="HUU1" s="216" t="s">
        <v>3633</v>
      </c>
      <c r="HUV1" s="216" t="s">
        <v>3633</v>
      </c>
      <c r="HUW1" s="216" t="s">
        <v>3633</v>
      </c>
      <c r="HUX1" s="216" t="s">
        <v>3633</v>
      </c>
      <c r="HUY1" s="216" t="s">
        <v>3633</v>
      </c>
      <c r="HUZ1" s="216" t="s">
        <v>3633</v>
      </c>
      <c r="HVA1" s="216" t="s">
        <v>3633</v>
      </c>
      <c r="HVB1" s="216" t="s">
        <v>3633</v>
      </c>
      <c r="HVC1" s="216" t="s">
        <v>3633</v>
      </c>
      <c r="HVD1" s="216" t="s">
        <v>3633</v>
      </c>
      <c r="HVE1" s="216" t="s">
        <v>3633</v>
      </c>
      <c r="HVF1" s="216" t="s">
        <v>3633</v>
      </c>
      <c r="HVG1" s="216" t="s">
        <v>3633</v>
      </c>
      <c r="HVH1" s="216" t="s">
        <v>3633</v>
      </c>
      <c r="HVI1" s="216" t="s">
        <v>3633</v>
      </c>
      <c r="HVJ1" s="216" t="s">
        <v>3633</v>
      </c>
      <c r="HVK1" s="216" t="s">
        <v>3633</v>
      </c>
      <c r="HVL1" s="216" t="s">
        <v>3633</v>
      </c>
      <c r="HVM1" s="216" t="s">
        <v>3633</v>
      </c>
      <c r="HVN1" s="216" t="s">
        <v>3633</v>
      </c>
      <c r="HVO1" s="216" t="s">
        <v>3633</v>
      </c>
      <c r="HVP1" s="216" t="s">
        <v>3633</v>
      </c>
      <c r="HVQ1" s="216" t="s">
        <v>3633</v>
      </c>
      <c r="HVR1" s="216" t="s">
        <v>3633</v>
      </c>
      <c r="HVS1" s="216" t="s">
        <v>3633</v>
      </c>
      <c r="HVT1" s="216" t="s">
        <v>3633</v>
      </c>
      <c r="HVU1" s="216" t="s">
        <v>3633</v>
      </c>
      <c r="HVV1" s="216" t="s">
        <v>3633</v>
      </c>
      <c r="HVW1" s="216" t="s">
        <v>3633</v>
      </c>
      <c r="HVX1" s="216" t="s">
        <v>3633</v>
      </c>
      <c r="HVY1" s="216" t="s">
        <v>3633</v>
      </c>
      <c r="HVZ1" s="216" t="s">
        <v>3633</v>
      </c>
      <c r="HWA1" s="216" t="s">
        <v>3633</v>
      </c>
      <c r="HWB1" s="216" t="s">
        <v>3633</v>
      </c>
      <c r="HWC1" s="216" t="s">
        <v>3633</v>
      </c>
      <c r="HWD1" s="216" t="s">
        <v>3633</v>
      </c>
      <c r="HWE1" s="216" t="s">
        <v>3633</v>
      </c>
      <c r="HWF1" s="216" t="s">
        <v>3633</v>
      </c>
      <c r="HWG1" s="216" t="s">
        <v>3633</v>
      </c>
      <c r="HWH1" s="216" t="s">
        <v>3633</v>
      </c>
      <c r="HWI1" s="216" t="s">
        <v>3633</v>
      </c>
      <c r="HWJ1" s="216" t="s">
        <v>3633</v>
      </c>
      <c r="HWK1" s="216" t="s">
        <v>3633</v>
      </c>
      <c r="HWL1" s="216" t="s">
        <v>3633</v>
      </c>
      <c r="HWM1" s="216" t="s">
        <v>3633</v>
      </c>
      <c r="HWN1" s="216" t="s">
        <v>3633</v>
      </c>
      <c r="HWO1" s="216" t="s">
        <v>3633</v>
      </c>
      <c r="HWP1" s="216" t="s">
        <v>3633</v>
      </c>
      <c r="HWQ1" s="216" t="s">
        <v>3633</v>
      </c>
      <c r="HWR1" s="216" t="s">
        <v>3633</v>
      </c>
      <c r="HWS1" s="216" t="s">
        <v>3633</v>
      </c>
      <c r="HWT1" s="216" t="s">
        <v>3633</v>
      </c>
      <c r="HWU1" s="216" t="s">
        <v>3633</v>
      </c>
      <c r="HWV1" s="216" t="s">
        <v>3633</v>
      </c>
      <c r="HWW1" s="216" t="s">
        <v>3633</v>
      </c>
      <c r="HWX1" s="216" t="s">
        <v>3633</v>
      </c>
      <c r="HWY1" s="216" t="s">
        <v>3633</v>
      </c>
      <c r="HWZ1" s="216" t="s">
        <v>3633</v>
      </c>
      <c r="HXA1" s="216" t="s">
        <v>3633</v>
      </c>
      <c r="HXB1" s="216" t="s">
        <v>3633</v>
      </c>
      <c r="HXC1" s="216" t="s">
        <v>3633</v>
      </c>
      <c r="HXD1" s="216" t="s">
        <v>3633</v>
      </c>
      <c r="HXE1" s="216" t="s">
        <v>3633</v>
      </c>
      <c r="HXF1" s="216" t="s">
        <v>3633</v>
      </c>
      <c r="HXG1" s="216" t="s">
        <v>3633</v>
      </c>
      <c r="HXH1" s="216" t="s">
        <v>3633</v>
      </c>
      <c r="HXI1" s="216" t="s">
        <v>3633</v>
      </c>
      <c r="HXJ1" s="216" t="s">
        <v>3633</v>
      </c>
      <c r="HXK1" s="216" t="s">
        <v>3633</v>
      </c>
      <c r="HXL1" s="216" t="s">
        <v>3633</v>
      </c>
      <c r="HXM1" s="216" t="s">
        <v>3633</v>
      </c>
      <c r="HXN1" s="216" t="s">
        <v>3633</v>
      </c>
      <c r="HXO1" s="216" t="s">
        <v>3633</v>
      </c>
      <c r="HXP1" s="216" t="s">
        <v>3633</v>
      </c>
      <c r="HXQ1" s="216" t="s">
        <v>3633</v>
      </c>
      <c r="HXR1" s="216" t="s">
        <v>3633</v>
      </c>
      <c r="HXS1" s="216" t="s">
        <v>3633</v>
      </c>
      <c r="HXT1" s="216" t="s">
        <v>3633</v>
      </c>
      <c r="HXU1" s="216" t="s">
        <v>3633</v>
      </c>
      <c r="HXV1" s="216" t="s">
        <v>3633</v>
      </c>
      <c r="HXW1" s="216" t="s">
        <v>3633</v>
      </c>
      <c r="HXX1" s="216" t="s">
        <v>3633</v>
      </c>
      <c r="HXY1" s="216" t="s">
        <v>3633</v>
      </c>
      <c r="HXZ1" s="216" t="s">
        <v>3633</v>
      </c>
      <c r="HYA1" s="216" t="s">
        <v>3633</v>
      </c>
      <c r="HYB1" s="216" t="s">
        <v>3633</v>
      </c>
      <c r="HYC1" s="216" t="s">
        <v>3633</v>
      </c>
      <c r="HYD1" s="216" t="s">
        <v>3633</v>
      </c>
      <c r="HYE1" s="216" t="s">
        <v>3633</v>
      </c>
      <c r="HYF1" s="216" t="s">
        <v>3633</v>
      </c>
      <c r="HYG1" s="216" t="s">
        <v>3633</v>
      </c>
      <c r="HYH1" s="216" t="s">
        <v>3633</v>
      </c>
      <c r="HYI1" s="216" t="s">
        <v>3633</v>
      </c>
      <c r="HYJ1" s="216" t="s">
        <v>3633</v>
      </c>
      <c r="HYK1" s="216" t="s">
        <v>3633</v>
      </c>
      <c r="HYL1" s="216" t="s">
        <v>3633</v>
      </c>
      <c r="HYM1" s="216" t="s">
        <v>3633</v>
      </c>
      <c r="HYN1" s="216" t="s">
        <v>3633</v>
      </c>
      <c r="HYO1" s="216" t="s">
        <v>3633</v>
      </c>
      <c r="HYP1" s="216" t="s">
        <v>3633</v>
      </c>
      <c r="HYQ1" s="216" t="s">
        <v>3633</v>
      </c>
      <c r="HYR1" s="216" t="s">
        <v>3633</v>
      </c>
      <c r="HYS1" s="216" t="s">
        <v>3633</v>
      </c>
      <c r="HYT1" s="216" t="s">
        <v>3633</v>
      </c>
      <c r="HYU1" s="216" t="s">
        <v>3633</v>
      </c>
      <c r="HYV1" s="216" t="s">
        <v>3633</v>
      </c>
      <c r="HYW1" s="216" t="s">
        <v>3633</v>
      </c>
      <c r="HYX1" s="216" t="s">
        <v>3633</v>
      </c>
      <c r="HYY1" s="216" t="s">
        <v>3633</v>
      </c>
      <c r="HYZ1" s="216" t="s">
        <v>3633</v>
      </c>
      <c r="HZA1" s="216" t="s">
        <v>3633</v>
      </c>
      <c r="HZB1" s="216" t="s">
        <v>3633</v>
      </c>
      <c r="HZC1" s="216" t="s">
        <v>3633</v>
      </c>
      <c r="HZD1" s="216" t="s">
        <v>3633</v>
      </c>
      <c r="HZE1" s="216" t="s">
        <v>3633</v>
      </c>
      <c r="HZF1" s="216" t="s">
        <v>3633</v>
      </c>
      <c r="HZG1" s="216" t="s">
        <v>3633</v>
      </c>
      <c r="HZH1" s="216" t="s">
        <v>3633</v>
      </c>
      <c r="HZI1" s="216" t="s">
        <v>3633</v>
      </c>
      <c r="HZJ1" s="216" t="s">
        <v>3633</v>
      </c>
      <c r="HZK1" s="216" t="s">
        <v>3633</v>
      </c>
      <c r="HZL1" s="216" t="s">
        <v>3633</v>
      </c>
      <c r="HZM1" s="216" t="s">
        <v>3633</v>
      </c>
      <c r="HZN1" s="216" t="s">
        <v>3633</v>
      </c>
      <c r="HZO1" s="216" t="s">
        <v>3633</v>
      </c>
      <c r="HZP1" s="216" t="s">
        <v>3633</v>
      </c>
      <c r="HZQ1" s="216" t="s">
        <v>3633</v>
      </c>
      <c r="HZR1" s="216" t="s">
        <v>3633</v>
      </c>
      <c r="HZS1" s="216" t="s">
        <v>3633</v>
      </c>
      <c r="HZT1" s="216" t="s">
        <v>3633</v>
      </c>
      <c r="HZU1" s="216" t="s">
        <v>3633</v>
      </c>
      <c r="HZV1" s="216" t="s">
        <v>3633</v>
      </c>
      <c r="HZW1" s="216" t="s">
        <v>3633</v>
      </c>
      <c r="HZX1" s="216" t="s">
        <v>3633</v>
      </c>
      <c r="HZY1" s="216" t="s">
        <v>3633</v>
      </c>
      <c r="HZZ1" s="216" t="s">
        <v>3633</v>
      </c>
      <c r="IAA1" s="216" t="s">
        <v>3633</v>
      </c>
      <c r="IAB1" s="216" t="s">
        <v>3633</v>
      </c>
      <c r="IAC1" s="216" t="s">
        <v>3633</v>
      </c>
      <c r="IAD1" s="216" t="s">
        <v>3633</v>
      </c>
      <c r="IAE1" s="216" t="s">
        <v>3633</v>
      </c>
      <c r="IAF1" s="216" t="s">
        <v>3633</v>
      </c>
      <c r="IAG1" s="216" t="s">
        <v>3633</v>
      </c>
      <c r="IAH1" s="216" t="s">
        <v>3633</v>
      </c>
      <c r="IAI1" s="216" t="s">
        <v>3633</v>
      </c>
      <c r="IAJ1" s="216" t="s">
        <v>3633</v>
      </c>
      <c r="IAK1" s="216" t="s">
        <v>3633</v>
      </c>
      <c r="IAL1" s="216" t="s">
        <v>3633</v>
      </c>
      <c r="IAM1" s="216" t="s">
        <v>3633</v>
      </c>
      <c r="IAN1" s="216" t="s">
        <v>3633</v>
      </c>
      <c r="IAO1" s="216" t="s">
        <v>3633</v>
      </c>
      <c r="IAP1" s="216" t="s">
        <v>3633</v>
      </c>
      <c r="IAQ1" s="216" t="s">
        <v>3633</v>
      </c>
      <c r="IAR1" s="216" t="s">
        <v>3633</v>
      </c>
      <c r="IAS1" s="216" t="s">
        <v>3633</v>
      </c>
      <c r="IAT1" s="216" t="s">
        <v>3633</v>
      </c>
      <c r="IAU1" s="216" t="s">
        <v>3633</v>
      </c>
      <c r="IAV1" s="216" t="s">
        <v>3633</v>
      </c>
      <c r="IAW1" s="216" t="s">
        <v>3633</v>
      </c>
      <c r="IAX1" s="216" t="s">
        <v>3633</v>
      </c>
      <c r="IAY1" s="216" t="s">
        <v>3633</v>
      </c>
      <c r="IAZ1" s="216" t="s">
        <v>3633</v>
      </c>
      <c r="IBA1" s="216" t="s">
        <v>3633</v>
      </c>
      <c r="IBB1" s="216" t="s">
        <v>3633</v>
      </c>
      <c r="IBC1" s="216" t="s">
        <v>3633</v>
      </c>
      <c r="IBD1" s="216" t="s">
        <v>3633</v>
      </c>
      <c r="IBE1" s="216" t="s">
        <v>3633</v>
      </c>
      <c r="IBF1" s="216" t="s">
        <v>3633</v>
      </c>
      <c r="IBG1" s="216" t="s">
        <v>3633</v>
      </c>
      <c r="IBH1" s="216" t="s">
        <v>3633</v>
      </c>
      <c r="IBI1" s="216" t="s">
        <v>3633</v>
      </c>
      <c r="IBJ1" s="216" t="s">
        <v>3633</v>
      </c>
      <c r="IBK1" s="216" t="s">
        <v>3633</v>
      </c>
      <c r="IBL1" s="216" t="s">
        <v>3633</v>
      </c>
      <c r="IBM1" s="216" t="s">
        <v>3633</v>
      </c>
      <c r="IBN1" s="216" t="s">
        <v>3633</v>
      </c>
      <c r="IBO1" s="216" t="s">
        <v>3633</v>
      </c>
      <c r="IBP1" s="216" t="s">
        <v>3633</v>
      </c>
      <c r="IBQ1" s="216" t="s">
        <v>3633</v>
      </c>
      <c r="IBR1" s="216" t="s">
        <v>3633</v>
      </c>
      <c r="IBS1" s="216" t="s">
        <v>3633</v>
      </c>
      <c r="IBT1" s="216" t="s">
        <v>3633</v>
      </c>
      <c r="IBU1" s="216" t="s">
        <v>3633</v>
      </c>
      <c r="IBV1" s="216" t="s">
        <v>3633</v>
      </c>
      <c r="IBW1" s="216" t="s">
        <v>3633</v>
      </c>
      <c r="IBX1" s="216" t="s">
        <v>3633</v>
      </c>
      <c r="IBY1" s="216" t="s">
        <v>3633</v>
      </c>
      <c r="IBZ1" s="216" t="s">
        <v>3633</v>
      </c>
      <c r="ICA1" s="216" t="s">
        <v>3633</v>
      </c>
      <c r="ICB1" s="216" t="s">
        <v>3633</v>
      </c>
      <c r="ICC1" s="216" t="s">
        <v>3633</v>
      </c>
      <c r="ICD1" s="216" t="s">
        <v>3633</v>
      </c>
      <c r="ICE1" s="216" t="s">
        <v>3633</v>
      </c>
      <c r="ICF1" s="216" t="s">
        <v>3633</v>
      </c>
      <c r="ICG1" s="216" t="s">
        <v>3633</v>
      </c>
      <c r="ICH1" s="216" t="s">
        <v>3633</v>
      </c>
      <c r="ICI1" s="216" t="s">
        <v>3633</v>
      </c>
      <c r="ICJ1" s="216" t="s">
        <v>3633</v>
      </c>
      <c r="ICK1" s="216" t="s">
        <v>3633</v>
      </c>
      <c r="ICL1" s="216" t="s">
        <v>3633</v>
      </c>
      <c r="ICM1" s="216" t="s">
        <v>3633</v>
      </c>
      <c r="ICN1" s="216" t="s">
        <v>3633</v>
      </c>
      <c r="ICO1" s="216" t="s">
        <v>3633</v>
      </c>
      <c r="ICP1" s="216" t="s">
        <v>3633</v>
      </c>
      <c r="ICQ1" s="216" t="s">
        <v>3633</v>
      </c>
      <c r="ICR1" s="216" t="s">
        <v>3633</v>
      </c>
      <c r="ICS1" s="216" t="s">
        <v>3633</v>
      </c>
      <c r="ICT1" s="216" t="s">
        <v>3633</v>
      </c>
      <c r="ICU1" s="216" t="s">
        <v>3633</v>
      </c>
      <c r="ICV1" s="216" t="s">
        <v>3633</v>
      </c>
      <c r="ICW1" s="216" t="s">
        <v>3633</v>
      </c>
      <c r="ICX1" s="216" t="s">
        <v>3633</v>
      </c>
      <c r="ICY1" s="216" t="s">
        <v>3633</v>
      </c>
      <c r="ICZ1" s="216" t="s">
        <v>3633</v>
      </c>
      <c r="IDA1" s="216" t="s">
        <v>3633</v>
      </c>
      <c r="IDB1" s="216" t="s">
        <v>3633</v>
      </c>
      <c r="IDC1" s="216" t="s">
        <v>3633</v>
      </c>
      <c r="IDD1" s="216" t="s">
        <v>3633</v>
      </c>
      <c r="IDE1" s="216" t="s">
        <v>3633</v>
      </c>
      <c r="IDF1" s="216" t="s">
        <v>3633</v>
      </c>
      <c r="IDG1" s="216" t="s">
        <v>3633</v>
      </c>
      <c r="IDH1" s="216" t="s">
        <v>3633</v>
      </c>
      <c r="IDI1" s="216" t="s">
        <v>3633</v>
      </c>
      <c r="IDJ1" s="216" t="s">
        <v>3633</v>
      </c>
      <c r="IDK1" s="216" t="s">
        <v>3633</v>
      </c>
      <c r="IDL1" s="216" t="s">
        <v>3633</v>
      </c>
      <c r="IDM1" s="216" t="s">
        <v>3633</v>
      </c>
      <c r="IDN1" s="216" t="s">
        <v>3633</v>
      </c>
      <c r="IDO1" s="216" t="s">
        <v>3633</v>
      </c>
      <c r="IDP1" s="216" t="s">
        <v>3633</v>
      </c>
      <c r="IDQ1" s="216" t="s">
        <v>3633</v>
      </c>
      <c r="IDR1" s="216" t="s">
        <v>3633</v>
      </c>
      <c r="IDS1" s="216" t="s">
        <v>3633</v>
      </c>
      <c r="IDT1" s="216" t="s">
        <v>3633</v>
      </c>
      <c r="IDU1" s="216" t="s">
        <v>3633</v>
      </c>
      <c r="IDV1" s="216" t="s">
        <v>3633</v>
      </c>
      <c r="IDW1" s="216" t="s">
        <v>3633</v>
      </c>
      <c r="IDX1" s="216" t="s">
        <v>3633</v>
      </c>
      <c r="IDY1" s="216" t="s">
        <v>3633</v>
      </c>
      <c r="IDZ1" s="216" t="s">
        <v>3633</v>
      </c>
      <c r="IEA1" s="216" t="s">
        <v>3633</v>
      </c>
      <c r="IEB1" s="216" t="s">
        <v>3633</v>
      </c>
      <c r="IEC1" s="216" t="s">
        <v>3633</v>
      </c>
      <c r="IED1" s="216" t="s">
        <v>3633</v>
      </c>
      <c r="IEE1" s="216" t="s">
        <v>3633</v>
      </c>
      <c r="IEF1" s="216" t="s">
        <v>3633</v>
      </c>
      <c r="IEG1" s="216" t="s">
        <v>3633</v>
      </c>
      <c r="IEH1" s="216" t="s">
        <v>3633</v>
      </c>
      <c r="IEI1" s="216" t="s">
        <v>3633</v>
      </c>
      <c r="IEJ1" s="216" t="s">
        <v>3633</v>
      </c>
      <c r="IEK1" s="216" t="s">
        <v>3633</v>
      </c>
      <c r="IEL1" s="216" t="s">
        <v>3633</v>
      </c>
      <c r="IEM1" s="216" t="s">
        <v>3633</v>
      </c>
      <c r="IEN1" s="216" t="s">
        <v>3633</v>
      </c>
      <c r="IEO1" s="216" t="s">
        <v>3633</v>
      </c>
      <c r="IEP1" s="216" t="s">
        <v>3633</v>
      </c>
      <c r="IEQ1" s="216" t="s">
        <v>3633</v>
      </c>
      <c r="IER1" s="216" t="s">
        <v>3633</v>
      </c>
      <c r="IES1" s="216" t="s">
        <v>3633</v>
      </c>
      <c r="IET1" s="216" t="s">
        <v>3633</v>
      </c>
      <c r="IEU1" s="216" t="s">
        <v>3633</v>
      </c>
      <c r="IEV1" s="216" t="s">
        <v>3633</v>
      </c>
      <c r="IEW1" s="216" t="s">
        <v>3633</v>
      </c>
      <c r="IEX1" s="216" t="s">
        <v>3633</v>
      </c>
      <c r="IEY1" s="216" t="s">
        <v>3633</v>
      </c>
      <c r="IEZ1" s="216" t="s">
        <v>3633</v>
      </c>
      <c r="IFA1" s="216" t="s">
        <v>3633</v>
      </c>
      <c r="IFB1" s="216" t="s">
        <v>3633</v>
      </c>
      <c r="IFC1" s="216" t="s">
        <v>3633</v>
      </c>
      <c r="IFD1" s="216" t="s">
        <v>3633</v>
      </c>
      <c r="IFE1" s="216" t="s">
        <v>3633</v>
      </c>
      <c r="IFF1" s="216" t="s">
        <v>3633</v>
      </c>
      <c r="IFG1" s="216" t="s">
        <v>3633</v>
      </c>
      <c r="IFH1" s="216" t="s">
        <v>3633</v>
      </c>
      <c r="IFI1" s="216" t="s">
        <v>3633</v>
      </c>
      <c r="IFJ1" s="216" t="s">
        <v>3633</v>
      </c>
      <c r="IFK1" s="216" t="s">
        <v>3633</v>
      </c>
      <c r="IFL1" s="216" t="s">
        <v>3633</v>
      </c>
      <c r="IFM1" s="216" t="s">
        <v>3633</v>
      </c>
      <c r="IFN1" s="216" t="s">
        <v>3633</v>
      </c>
      <c r="IFO1" s="216" t="s">
        <v>3633</v>
      </c>
      <c r="IFP1" s="216" t="s">
        <v>3633</v>
      </c>
      <c r="IFQ1" s="216" t="s">
        <v>3633</v>
      </c>
      <c r="IFR1" s="216" t="s">
        <v>3633</v>
      </c>
      <c r="IFS1" s="216" t="s">
        <v>3633</v>
      </c>
      <c r="IFT1" s="216" t="s">
        <v>3633</v>
      </c>
      <c r="IFU1" s="216" t="s">
        <v>3633</v>
      </c>
      <c r="IFV1" s="216" t="s">
        <v>3633</v>
      </c>
      <c r="IFW1" s="216" t="s">
        <v>3633</v>
      </c>
      <c r="IFX1" s="216" t="s">
        <v>3633</v>
      </c>
      <c r="IFY1" s="216" t="s">
        <v>3633</v>
      </c>
      <c r="IFZ1" s="216" t="s">
        <v>3633</v>
      </c>
      <c r="IGA1" s="216" t="s">
        <v>3633</v>
      </c>
      <c r="IGB1" s="216" t="s">
        <v>3633</v>
      </c>
      <c r="IGC1" s="216" t="s">
        <v>3633</v>
      </c>
      <c r="IGD1" s="216" t="s">
        <v>3633</v>
      </c>
      <c r="IGE1" s="216" t="s">
        <v>3633</v>
      </c>
      <c r="IGF1" s="216" t="s">
        <v>3633</v>
      </c>
      <c r="IGG1" s="216" t="s">
        <v>3633</v>
      </c>
      <c r="IGH1" s="216" t="s">
        <v>3633</v>
      </c>
      <c r="IGI1" s="216" t="s">
        <v>3633</v>
      </c>
      <c r="IGJ1" s="216" t="s">
        <v>3633</v>
      </c>
      <c r="IGK1" s="216" t="s">
        <v>3633</v>
      </c>
      <c r="IGL1" s="216" t="s">
        <v>3633</v>
      </c>
      <c r="IGM1" s="216" t="s">
        <v>3633</v>
      </c>
      <c r="IGN1" s="216" t="s">
        <v>3633</v>
      </c>
      <c r="IGO1" s="216" t="s">
        <v>3633</v>
      </c>
      <c r="IGP1" s="216" t="s">
        <v>3633</v>
      </c>
      <c r="IGQ1" s="216" t="s">
        <v>3633</v>
      </c>
      <c r="IGR1" s="216" t="s">
        <v>3633</v>
      </c>
      <c r="IGS1" s="216" t="s">
        <v>3633</v>
      </c>
      <c r="IGT1" s="216" t="s">
        <v>3633</v>
      </c>
      <c r="IGU1" s="216" t="s">
        <v>3633</v>
      </c>
      <c r="IGV1" s="216" t="s">
        <v>3633</v>
      </c>
      <c r="IGW1" s="216" t="s">
        <v>3633</v>
      </c>
      <c r="IGX1" s="216" t="s">
        <v>3633</v>
      </c>
      <c r="IGY1" s="216" t="s">
        <v>3633</v>
      </c>
      <c r="IGZ1" s="216" t="s">
        <v>3633</v>
      </c>
      <c r="IHA1" s="216" t="s">
        <v>3633</v>
      </c>
      <c r="IHB1" s="216" t="s">
        <v>3633</v>
      </c>
      <c r="IHC1" s="216" t="s">
        <v>3633</v>
      </c>
      <c r="IHD1" s="216" t="s">
        <v>3633</v>
      </c>
      <c r="IHE1" s="216" t="s">
        <v>3633</v>
      </c>
      <c r="IHF1" s="216" t="s">
        <v>3633</v>
      </c>
      <c r="IHG1" s="216" t="s">
        <v>3633</v>
      </c>
      <c r="IHH1" s="216" t="s">
        <v>3633</v>
      </c>
      <c r="IHI1" s="216" t="s">
        <v>3633</v>
      </c>
      <c r="IHJ1" s="216" t="s">
        <v>3633</v>
      </c>
      <c r="IHK1" s="216" t="s">
        <v>3633</v>
      </c>
      <c r="IHL1" s="216" t="s">
        <v>3633</v>
      </c>
      <c r="IHM1" s="216" t="s">
        <v>3633</v>
      </c>
      <c r="IHN1" s="216" t="s">
        <v>3633</v>
      </c>
      <c r="IHO1" s="216" t="s">
        <v>3633</v>
      </c>
      <c r="IHP1" s="216" t="s">
        <v>3633</v>
      </c>
      <c r="IHQ1" s="216" t="s">
        <v>3633</v>
      </c>
      <c r="IHR1" s="216" t="s">
        <v>3633</v>
      </c>
      <c r="IHS1" s="216" t="s">
        <v>3633</v>
      </c>
      <c r="IHT1" s="216" t="s">
        <v>3633</v>
      </c>
      <c r="IHU1" s="216" t="s">
        <v>3633</v>
      </c>
      <c r="IHV1" s="216" t="s">
        <v>3633</v>
      </c>
      <c r="IHW1" s="216" t="s">
        <v>3633</v>
      </c>
      <c r="IHX1" s="216" t="s">
        <v>3633</v>
      </c>
      <c r="IHY1" s="216" t="s">
        <v>3633</v>
      </c>
      <c r="IHZ1" s="216" t="s">
        <v>3633</v>
      </c>
      <c r="IIA1" s="216" t="s">
        <v>3633</v>
      </c>
      <c r="IIB1" s="216" t="s">
        <v>3633</v>
      </c>
      <c r="IIC1" s="216" t="s">
        <v>3633</v>
      </c>
      <c r="IID1" s="216" t="s">
        <v>3633</v>
      </c>
      <c r="IIE1" s="216" t="s">
        <v>3633</v>
      </c>
      <c r="IIF1" s="216" t="s">
        <v>3633</v>
      </c>
      <c r="IIG1" s="216" t="s">
        <v>3633</v>
      </c>
      <c r="IIH1" s="216" t="s">
        <v>3633</v>
      </c>
      <c r="III1" s="216" t="s">
        <v>3633</v>
      </c>
      <c r="IIJ1" s="216" t="s">
        <v>3633</v>
      </c>
      <c r="IIK1" s="216" t="s">
        <v>3633</v>
      </c>
      <c r="IIL1" s="216" t="s">
        <v>3633</v>
      </c>
      <c r="IIM1" s="216" t="s">
        <v>3633</v>
      </c>
      <c r="IIN1" s="216" t="s">
        <v>3633</v>
      </c>
      <c r="IIO1" s="216" t="s">
        <v>3633</v>
      </c>
      <c r="IIP1" s="216" t="s">
        <v>3633</v>
      </c>
      <c r="IIQ1" s="216" t="s">
        <v>3633</v>
      </c>
      <c r="IIR1" s="216" t="s">
        <v>3633</v>
      </c>
      <c r="IIS1" s="216" t="s">
        <v>3633</v>
      </c>
      <c r="IIT1" s="216" t="s">
        <v>3633</v>
      </c>
      <c r="IIU1" s="216" t="s">
        <v>3633</v>
      </c>
      <c r="IIV1" s="216" t="s">
        <v>3633</v>
      </c>
      <c r="IIW1" s="216" t="s">
        <v>3633</v>
      </c>
      <c r="IIX1" s="216" t="s">
        <v>3633</v>
      </c>
      <c r="IIY1" s="216" t="s">
        <v>3633</v>
      </c>
      <c r="IIZ1" s="216" t="s">
        <v>3633</v>
      </c>
      <c r="IJA1" s="216" t="s">
        <v>3633</v>
      </c>
      <c r="IJB1" s="216" t="s">
        <v>3633</v>
      </c>
      <c r="IJC1" s="216" t="s">
        <v>3633</v>
      </c>
      <c r="IJD1" s="216" t="s">
        <v>3633</v>
      </c>
      <c r="IJE1" s="216" t="s">
        <v>3633</v>
      </c>
      <c r="IJF1" s="216" t="s">
        <v>3633</v>
      </c>
      <c r="IJG1" s="216" t="s">
        <v>3633</v>
      </c>
      <c r="IJH1" s="216" t="s">
        <v>3633</v>
      </c>
      <c r="IJI1" s="216" t="s">
        <v>3633</v>
      </c>
      <c r="IJJ1" s="216" t="s">
        <v>3633</v>
      </c>
      <c r="IJK1" s="216" t="s">
        <v>3633</v>
      </c>
      <c r="IJL1" s="216" t="s">
        <v>3633</v>
      </c>
      <c r="IJM1" s="216" t="s">
        <v>3633</v>
      </c>
      <c r="IJN1" s="216" t="s">
        <v>3633</v>
      </c>
      <c r="IJO1" s="216" t="s">
        <v>3633</v>
      </c>
      <c r="IJP1" s="216" t="s">
        <v>3633</v>
      </c>
      <c r="IJQ1" s="216" t="s">
        <v>3633</v>
      </c>
      <c r="IJR1" s="216" t="s">
        <v>3633</v>
      </c>
      <c r="IJS1" s="216" t="s">
        <v>3633</v>
      </c>
      <c r="IJT1" s="216" t="s">
        <v>3633</v>
      </c>
      <c r="IJU1" s="216" t="s">
        <v>3633</v>
      </c>
      <c r="IJV1" s="216" t="s">
        <v>3633</v>
      </c>
      <c r="IJW1" s="216" t="s">
        <v>3633</v>
      </c>
      <c r="IJX1" s="216" t="s">
        <v>3633</v>
      </c>
      <c r="IJY1" s="216" t="s">
        <v>3633</v>
      </c>
      <c r="IJZ1" s="216" t="s">
        <v>3633</v>
      </c>
      <c r="IKA1" s="216" t="s">
        <v>3633</v>
      </c>
      <c r="IKB1" s="216" t="s">
        <v>3633</v>
      </c>
      <c r="IKC1" s="216" t="s">
        <v>3633</v>
      </c>
      <c r="IKD1" s="216" t="s">
        <v>3633</v>
      </c>
      <c r="IKE1" s="216" t="s">
        <v>3633</v>
      </c>
      <c r="IKF1" s="216" t="s">
        <v>3633</v>
      </c>
      <c r="IKG1" s="216" t="s">
        <v>3633</v>
      </c>
      <c r="IKH1" s="216" t="s">
        <v>3633</v>
      </c>
      <c r="IKI1" s="216" t="s">
        <v>3633</v>
      </c>
      <c r="IKJ1" s="216" t="s">
        <v>3633</v>
      </c>
      <c r="IKK1" s="216" t="s">
        <v>3633</v>
      </c>
      <c r="IKL1" s="216" t="s">
        <v>3633</v>
      </c>
      <c r="IKM1" s="216" t="s">
        <v>3633</v>
      </c>
      <c r="IKN1" s="216" t="s">
        <v>3633</v>
      </c>
      <c r="IKO1" s="216" t="s">
        <v>3633</v>
      </c>
      <c r="IKP1" s="216" t="s">
        <v>3633</v>
      </c>
      <c r="IKQ1" s="216" t="s">
        <v>3633</v>
      </c>
      <c r="IKR1" s="216" t="s">
        <v>3633</v>
      </c>
      <c r="IKS1" s="216" t="s">
        <v>3633</v>
      </c>
      <c r="IKT1" s="216" t="s">
        <v>3633</v>
      </c>
      <c r="IKU1" s="216" t="s">
        <v>3633</v>
      </c>
      <c r="IKV1" s="216" t="s">
        <v>3633</v>
      </c>
      <c r="IKW1" s="216" t="s">
        <v>3633</v>
      </c>
      <c r="IKX1" s="216" t="s">
        <v>3633</v>
      </c>
      <c r="IKY1" s="216" t="s">
        <v>3633</v>
      </c>
      <c r="IKZ1" s="216" t="s">
        <v>3633</v>
      </c>
      <c r="ILA1" s="216" t="s">
        <v>3633</v>
      </c>
      <c r="ILB1" s="216" t="s">
        <v>3633</v>
      </c>
      <c r="ILC1" s="216" t="s">
        <v>3633</v>
      </c>
      <c r="ILD1" s="216" t="s">
        <v>3633</v>
      </c>
      <c r="ILE1" s="216" t="s">
        <v>3633</v>
      </c>
      <c r="ILF1" s="216" t="s">
        <v>3633</v>
      </c>
      <c r="ILG1" s="216" t="s">
        <v>3633</v>
      </c>
      <c r="ILH1" s="216" t="s">
        <v>3633</v>
      </c>
      <c r="ILI1" s="216" t="s">
        <v>3633</v>
      </c>
      <c r="ILJ1" s="216" t="s">
        <v>3633</v>
      </c>
      <c r="ILK1" s="216" t="s">
        <v>3633</v>
      </c>
      <c r="ILL1" s="216" t="s">
        <v>3633</v>
      </c>
      <c r="ILM1" s="216" t="s">
        <v>3633</v>
      </c>
      <c r="ILN1" s="216" t="s">
        <v>3633</v>
      </c>
      <c r="ILO1" s="216" t="s">
        <v>3633</v>
      </c>
      <c r="ILP1" s="216" t="s">
        <v>3633</v>
      </c>
      <c r="ILQ1" s="216" t="s">
        <v>3633</v>
      </c>
      <c r="ILR1" s="216" t="s">
        <v>3633</v>
      </c>
      <c r="ILS1" s="216" t="s">
        <v>3633</v>
      </c>
      <c r="ILT1" s="216" t="s">
        <v>3633</v>
      </c>
      <c r="ILU1" s="216" t="s">
        <v>3633</v>
      </c>
      <c r="ILV1" s="216" t="s">
        <v>3633</v>
      </c>
      <c r="ILW1" s="216" t="s">
        <v>3633</v>
      </c>
      <c r="ILX1" s="216" t="s">
        <v>3633</v>
      </c>
      <c r="ILY1" s="216" t="s">
        <v>3633</v>
      </c>
      <c r="ILZ1" s="216" t="s">
        <v>3633</v>
      </c>
      <c r="IMA1" s="216" t="s">
        <v>3633</v>
      </c>
      <c r="IMB1" s="216" t="s">
        <v>3633</v>
      </c>
      <c r="IMC1" s="216" t="s">
        <v>3633</v>
      </c>
      <c r="IMD1" s="216" t="s">
        <v>3633</v>
      </c>
      <c r="IME1" s="216" t="s">
        <v>3633</v>
      </c>
      <c r="IMF1" s="216" t="s">
        <v>3633</v>
      </c>
      <c r="IMG1" s="216" t="s">
        <v>3633</v>
      </c>
      <c r="IMH1" s="216" t="s">
        <v>3633</v>
      </c>
      <c r="IMI1" s="216" t="s">
        <v>3633</v>
      </c>
      <c r="IMJ1" s="216" t="s">
        <v>3633</v>
      </c>
      <c r="IMK1" s="216" t="s">
        <v>3633</v>
      </c>
      <c r="IML1" s="216" t="s">
        <v>3633</v>
      </c>
      <c r="IMM1" s="216" t="s">
        <v>3633</v>
      </c>
      <c r="IMN1" s="216" t="s">
        <v>3633</v>
      </c>
      <c r="IMO1" s="216" t="s">
        <v>3633</v>
      </c>
      <c r="IMP1" s="216" t="s">
        <v>3633</v>
      </c>
      <c r="IMQ1" s="216" t="s">
        <v>3633</v>
      </c>
      <c r="IMR1" s="216" t="s">
        <v>3633</v>
      </c>
      <c r="IMS1" s="216" t="s">
        <v>3633</v>
      </c>
      <c r="IMT1" s="216" t="s">
        <v>3633</v>
      </c>
      <c r="IMU1" s="216" t="s">
        <v>3633</v>
      </c>
      <c r="IMV1" s="216" t="s">
        <v>3633</v>
      </c>
      <c r="IMW1" s="216" t="s">
        <v>3633</v>
      </c>
      <c r="IMX1" s="216" t="s">
        <v>3633</v>
      </c>
      <c r="IMY1" s="216" t="s">
        <v>3633</v>
      </c>
      <c r="IMZ1" s="216" t="s">
        <v>3633</v>
      </c>
      <c r="INA1" s="216" t="s">
        <v>3633</v>
      </c>
      <c r="INB1" s="216" t="s">
        <v>3633</v>
      </c>
      <c r="INC1" s="216" t="s">
        <v>3633</v>
      </c>
      <c r="IND1" s="216" t="s">
        <v>3633</v>
      </c>
      <c r="INE1" s="216" t="s">
        <v>3633</v>
      </c>
      <c r="INF1" s="216" t="s">
        <v>3633</v>
      </c>
      <c r="ING1" s="216" t="s">
        <v>3633</v>
      </c>
      <c r="INH1" s="216" t="s">
        <v>3633</v>
      </c>
      <c r="INI1" s="216" t="s">
        <v>3633</v>
      </c>
      <c r="INJ1" s="216" t="s">
        <v>3633</v>
      </c>
      <c r="INK1" s="216" t="s">
        <v>3633</v>
      </c>
      <c r="INL1" s="216" t="s">
        <v>3633</v>
      </c>
      <c r="INM1" s="216" t="s">
        <v>3633</v>
      </c>
      <c r="INN1" s="216" t="s">
        <v>3633</v>
      </c>
      <c r="INO1" s="216" t="s">
        <v>3633</v>
      </c>
      <c r="INP1" s="216" t="s">
        <v>3633</v>
      </c>
      <c r="INQ1" s="216" t="s">
        <v>3633</v>
      </c>
      <c r="INR1" s="216" t="s">
        <v>3633</v>
      </c>
      <c r="INS1" s="216" t="s">
        <v>3633</v>
      </c>
      <c r="INT1" s="216" t="s">
        <v>3633</v>
      </c>
      <c r="INU1" s="216" t="s">
        <v>3633</v>
      </c>
      <c r="INV1" s="216" t="s">
        <v>3633</v>
      </c>
      <c r="INW1" s="216" t="s">
        <v>3633</v>
      </c>
      <c r="INX1" s="216" t="s">
        <v>3633</v>
      </c>
      <c r="INY1" s="216" t="s">
        <v>3633</v>
      </c>
      <c r="INZ1" s="216" t="s">
        <v>3633</v>
      </c>
      <c r="IOA1" s="216" t="s">
        <v>3633</v>
      </c>
      <c r="IOB1" s="216" t="s">
        <v>3633</v>
      </c>
      <c r="IOC1" s="216" t="s">
        <v>3633</v>
      </c>
      <c r="IOD1" s="216" t="s">
        <v>3633</v>
      </c>
      <c r="IOE1" s="216" t="s">
        <v>3633</v>
      </c>
      <c r="IOF1" s="216" t="s">
        <v>3633</v>
      </c>
      <c r="IOG1" s="216" t="s">
        <v>3633</v>
      </c>
      <c r="IOH1" s="216" t="s">
        <v>3633</v>
      </c>
      <c r="IOI1" s="216" t="s">
        <v>3633</v>
      </c>
      <c r="IOJ1" s="216" t="s">
        <v>3633</v>
      </c>
      <c r="IOK1" s="216" t="s">
        <v>3633</v>
      </c>
      <c r="IOL1" s="216" t="s">
        <v>3633</v>
      </c>
      <c r="IOM1" s="216" t="s">
        <v>3633</v>
      </c>
      <c r="ION1" s="216" t="s">
        <v>3633</v>
      </c>
      <c r="IOO1" s="216" t="s">
        <v>3633</v>
      </c>
      <c r="IOP1" s="216" t="s">
        <v>3633</v>
      </c>
      <c r="IOQ1" s="216" t="s">
        <v>3633</v>
      </c>
      <c r="IOR1" s="216" t="s">
        <v>3633</v>
      </c>
      <c r="IOS1" s="216" t="s">
        <v>3633</v>
      </c>
      <c r="IOT1" s="216" t="s">
        <v>3633</v>
      </c>
      <c r="IOU1" s="216" t="s">
        <v>3633</v>
      </c>
      <c r="IOV1" s="216" t="s">
        <v>3633</v>
      </c>
      <c r="IOW1" s="216" t="s">
        <v>3633</v>
      </c>
      <c r="IOX1" s="216" t="s">
        <v>3633</v>
      </c>
      <c r="IOY1" s="216" t="s">
        <v>3633</v>
      </c>
      <c r="IOZ1" s="216" t="s">
        <v>3633</v>
      </c>
      <c r="IPA1" s="216" t="s">
        <v>3633</v>
      </c>
      <c r="IPB1" s="216" t="s">
        <v>3633</v>
      </c>
      <c r="IPC1" s="216" t="s">
        <v>3633</v>
      </c>
      <c r="IPD1" s="216" t="s">
        <v>3633</v>
      </c>
      <c r="IPE1" s="216" t="s">
        <v>3633</v>
      </c>
      <c r="IPF1" s="216" t="s">
        <v>3633</v>
      </c>
      <c r="IPG1" s="216" t="s">
        <v>3633</v>
      </c>
      <c r="IPH1" s="216" t="s">
        <v>3633</v>
      </c>
      <c r="IPI1" s="216" t="s">
        <v>3633</v>
      </c>
      <c r="IPJ1" s="216" t="s">
        <v>3633</v>
      </c>
      <c r="IPK1" s="216" t="s">
        <v>3633</v>
      </c>
      <c r="IPL1" s="216" t="s">
        <v>3633</v>
      </c>
      <c r="IPM1" s="216" t="s">
        <v>3633</v>
      </c>
      <c r="IPN1" s="216" t="s">
        <v>3633</v>
      </c>
      <c r="IPO1" s="216" t="s">
        <v>3633</v>
      </c>
      <c r="IPP1" s="216" t="s">
        <v>3633</v>
      </c>
      <c r="IPQ1" s="216" t="s">
        <v>3633</v>
      </c>
      <c r="IPR1" s="216" t="s">
        <v>3633</v>
      </c>
      <c r="IPS1" s="216" t="s">
        <v>3633</v>
      </c>
      <c r="IPT1" s="216" t="s">
        <v>3633</v>
      </c>
      <c r="IPU1" s="216" t="s">
        <v>3633</v>
      </c>
      <c r="IPV1" s="216" t="s">
        <v>3633</v>
      </c>
      <c r="IPW1" s="216" t="s">
        <v>3633</v>
      </c>
      <c r="IPX1" s="216" t="s">
        <v>3633</v>
      </c>
      <c r="IPY1" s="216" t="s">
        <v>3633</v>
      </c>
      <c r="IPZ1" s="216" t="s">
        <v>3633</v>
      </c>
      <c r="IQA1" s="216" t="s">
        <v>3633</v>
      </c>
      <c r="IQB1" s="216" t="s">
        <v>3633</v>
      </c>
      <c r="IQC1" s="216" t="s">
        <v>3633</v>
      </c>
      <c r="IQD1" s="216" t="s">
        <v>3633</v>
      </c>
      <c r="IQE1" s="216" t="s">
        <v>3633</v>
      </c>
      <c r="IQF1" s="216" t="s">
        <v>3633</v>
      </c>
      <c r="IQG1" s="216" t="s">
        <v>3633</v>
      </c>
      <c r="IQH1" s="216" t="s">
        <v>3633</v>
      </c>
      <c r="IQI1" s="216" t="s">
        <v>3633</v>
      </c>
      <c r="IQJ1" s="216" t="s">
        <v>3633</v>
      </c>
      <c r="IQK1" s="216" t="s">
        <v>3633</v>
      </c>
      <c r="IQL1" s="216" t="s">
        <v>3633</v>
      </c>
      <c r="IQM1" s="216" t="s">
        <v>3633</v>
      </c>
      <c r="IQN1" s="216" t="s">
        <v>3633</v>
      </c>
      <c r="IQO1" s="216" t="s">
        <v>3633</v>
      </c>
      <c r="IQP1" s="216" t="s">
        <v>3633</v>
      </c>
      <c r="IQQ1" s="216" t="s">
        <v>3633</v>
      </c>
      <c r="IQR1" s="216" t="s">
        <v>3633</v>
      </c>
      <c r="IQS1" s="216" t="s">
        <v>3633</v>
      </c>
      <c r="IQT1" s="216" t="s">
        <v>3633</v>
      </c>
      <c r="IQU1" s="216" t="s">
        <v>3633</v>
      </c>
      <c r="IQV1" s="216" t="s">
        <v>3633</v>
      </c>
      <c r="IQW1" s="216" t="s">
        <v>3633</v>
      </c>
      <c r="IQX1" s="216" t="s">
        <v>3633</v>
      </c>
      <c r="IQY1" s="216" t="s">
        <v>3633</v>
      </c>
      <c r="IQZ1" s="216" t="s">
        <v>3633</v>
      </c>
      <c r="IRA1" s="216" t="s">
        <v>3633</v>
      </c>
      <c r="IRB1" s="216" t="s">
        <v>3633</v>
      </c>
      <c r="IRC1" s="216" t="s">
        <v>3633</v>
      </c>
      <c r="IRD1" s="216" t="s">
        <v>3633</v>
      </c>
      <c r="IRE1" s="216" t="s">
        <v>3633</v>
      </c>
      <c r="IRF1" s="216" t="s">
        <v>3633</v>
      </c>
      <c r="IRG1" s="216" t="s">
        <v>3633</v>
      </c>
      <c r="IRH1" s="216" t="s">
        <v>3633</v>
      </c>
      <c r="IRI1" s="216" t="s">
        <v>3633</v>
      </c>
      <c r="IRJ1" s="216" t="s">
        <v>3633</v>
      </c>
      <c r="IRK1" s="216" t="s">
        <v>3633</v>
      </c>
      <c r="IRL1" s="216" t="s">
        <v>3633</v>
      </c>
      <c r="IRM1" s="216" t="s">
        <v>3633</v>
      </c>
      <c r="IRN1" s="216" t="s">
        <v>3633</v>
      </c>
      <c r="IRO1" s="216" t="s">
        <v>3633</v>
      </c>
      <c r="IRP1" s="216" t="s">
        <v>3633</v>
      </c>
      <c r="IRQ1" s="216" t="s">
        <v>3633</v>
      </c>
      <c r="IRR1" s="216" t="s">
        <v>3633</v>
      </c>
      <c r="IRS1" s="216" t="s">
        <v>3633</v>
      </c>
      <c r="IRT1" s="216" t="s">
        <v>3633</v>
      </c>
      <c r="IRU1" s="216" t="s">
        <v>3633</v>
      </c>
      <c r="IRV1" s="216" t="s">
        <v>3633</v>
      </c>
      <c r="IRW1" s="216" t="s">
        <v>3633</v>
      </c>
      <c r="IRX1" s="216" t="s">
        <v>3633</v>
      </c>
      <c r="IRY1" s="216" t="s">
        <v>3633</v>
      </c>
      <c r="IRZ1" s="216" t="s">
        <v>3633</v>
      </c>
      <c r="ISA1" s="216" t="s">
        <v>3633</v>
      </c>
      <c r="ISB1" s="216" t="s">
        <v>3633</v>
      </c>
      <c r="ISC1" s="216" t="s">
        <v>3633</v>
      </c>
      <c r="ISD1" s="216" t="s">
        <v>3633</v>
      </c>
      <c r="ISE1" s="216" t="s">
        <v>3633</v>
      </c>
      <c r="ISF1" s="216" t="s">
        <v>3633</v>
      </c>
      <c r="ISG1" s="216" t="s">
        <v>3633</v>
      </c>
      <c r="ISH1" s="216" t="s">
        <v>3633</v>
      </c>
      <c r="ISI1" s="216" t="s">
        <v>3633</v>
      </c>
      <c r="ISJ1" s="216" t="s">
        <v>3633</v>
      </c>
      <c r="ISK1" s="216" t="s">
        <v>3633</v>
      </c>
      <c r="ISL1" s="216" t="s">
        <v>3633</v>
      </c>
      <c r="ISM1" s="216" t="s">
        <v>3633</v>
      </c>
      <c r="ISN1" s="216" t="s">
        <v>3633</v>
      </c>
      <c r="ISO1" s="216" t="s">
        <v>3633</v>
      </c>
      <c r="ISP1" s="216" t="s">
        <v>3633</v>
      </c>
      <c r="ISQ1" s="216" t="s">
        <v>3633</v>
      </c>
      <c r="ISR1" s="216" t="s">
        <v>3633</v>
      </c>
      <c r="ISS1" s="216" t="s">
        <v>3633</v>
      </c>
      <c r="IST1" s="216" t="s">
        <v>3633</v>
      </c>
      <c r="ISU1" s="216" t="s">
        <v>3633</v>
      </c>
      <c r="ISV1" s="216" t="s">
        <v>3633</v>
      </c>
      <c r="ISW1" s="216" t="s">
        <v>3633</v>
      </c>
      <c r="ISX1" s="216" t="s">
        <v>3633</v>
      </c>
      <c r="ISY1" s="216" t="s">
        <v>3633</v>
      </c>
      <c r="ISZ1" s="216" t="s">
        <v>3633</v>
      </c>
      <c r="ITA1" s="216" t="s">
        <v>3633</v>
      </c>
      <c r="ITB1" s="216" t="s">
        <v>3633</v>
      </c>
      <c r="ITC1" s="216" t="s">
        <v>3633</v>
      </c>
      <c r="ITD1" s="216" t="s">
        <v>3633</v>
      </c>
      <c r="ITE1" s="216" t="s">
        <v>3633</v>
      </c>
      <c r="ITF1" s="216" t="s">
        <v>3633</v>
      </c>
      <c r="ITG1" s="216" t="s">
        <v>3633</v>
      </c>
      <c r="ITH1" s="216" t="s">
        <v>3633</v>
      </c>
      <c r="ITI1" s="216" t="s">
        <v>3633</v>
      </c>
      <c r="ITJ1" s="216" t="s">
        <v>3633</v>
      </c>
      <c r="ITK1" s="216" t="s">
        <v>3633</v>
      </c>
      <c r="ITL1" s="216" t="s">
        <v>3633</v>
      </c>
      <c r="ITM1" s="216" t="s">
        <v>3633</v>
      </c>
      <c r="ITN1" s="216" t="s">
        <v>3633</v>
      </c>
      <c r="ITO1" s="216" t="s">
        <v>3633</v>
      </c>
      <c r="ITP1" s="216" t="s">
        <v>3633</v>
      </c>
      <c r="ITQ1" s="216" t="s">
        <v>3633</v>
      </c>
      <c r="ITR1" s="216" t="s">
        <v>3633</v>
      </c>
      <c r="ITS1" s="216" t="s">
        <v>3633</v>
      </c>
      <c r="ITT1" s="216" t="s">
        <v>3633</v>
      </c>
      <c r="ITU1" s="216" t="s">
        <v>3633</v>
      </c>
      <c r="ITV1" s="216" t="s">
        <v>3633</v>
      </c>
      <c r="ITW1" s="216" t="s">
        <v>3633</v>
      </c>
      <c r="ITX1" s="216" t="s">
        <v>3633</v>
      </c>
      <c r="ITY1" s="216" t="s">
        <v>3633</v>
      </c>
      <c r="ITZ1" s="216" t="s">
        <v>3633</v>
      </c>
      <c r="IUA1" s="216" t="s">
        <v>3633</v>
      </c>
      <c r="IUB1" s="216" t="s">
        <v>3633</v>
      </c>
      <c r="IUC1" s="216" t="s">
        <v>3633</v>
      </c>
      <c r="IUD1" s="216" t="s">
        <v>3633</v>
      </c>
      <c r="IUE1" s="216" t="s">
        <v>3633</v>
      </c>
      <c r="IUF1" s="216" t="s">
        <v>3633</v>
      </c>
      <c r="IUG1" s="216" t="s">
        <v>3633</v>
      </c>
      <c r="IUH1" s="216" t="s">
        <v>3633</v>
      </c>
      <c r="IUI1" s="216" t="s">
        <v>3633</v>
      </c>
      <c r="IUJ1" s="216" t="s">
        <v>3633</v>
      </c>
      <c r="IUK1" s="216" t="s">
        <v>3633</v>
      </c>
      <c r="IUL1" s="216" t="s">
        <v>3633</v>
      </c>
      <c r="IUM1" s="216" t="s">
        <v>3633</v>
      </c>
      <c r="IUN1" s="216" t="s">
        <v>3633</v>
      </c>
      <c r="IUO1" s="216" t="s">
        <v>3633</v>
      </c>
      <c r="IUP1" s="216" t="s">
        <v>3633</v>
      </c>
      <c r="IUQ1" s="216" t="s">
        <v>3633</v>
      </c>
      <c r="IUR1" s="216" t="s">
        <v>3633</v>
      </c>
      <c r="IUS1" s="216" t="s">
        <v>3633</v>
      </c>
      <c r="IUT1" s="216" t="s">
        <v>3633</v>
      </c>
      <c r="IUU1" s="216" t="s">
        <v>3633</v>
      </c>
      <c r="IUV1" s="216" t="s">
        <v>3633</v>
      </c>
      <c r="IUW1" s="216" t="s">
        <v>3633</v>
      </c>
      <c r="IUX1" s="216" t="s">
        <v>3633</v>
      </c>
      <c r="IUY1" s="216" t="s">
        <v>3633</v>
      </c>
      <c r="IUZ1" s="216" t="s">
        <v>3633</v>
      </c>
      <c r="IVA1" s="216" t="s">
        <v>3633</v>
      </c>
      <c r="IVB1" s="216" t="s">
        <v>3633</v>
      </c>
      <c r="IVC1" s="216" t="s">
        <v>3633</v>
      </c>
      <c r="IVD1" s="216" t="s">
        <v>3633</v>
      </c>
      <c r="IVE1" s="216" t="s">
        <v>3633</v>
      </c>
      <c r="IVF1" s="216" t="s">
        <v>3633</v>
      </c>
      <c r="IVG1" s="216" t="s">
        <v>3633</v>
      </c>
      <c r="IVH1" s="216" t="s">
        <v>3633</v>
      </c>
      <c r="IVI1" s="216" t="s">
        <v>3633</v>
      </c>
      <c r="IVJ1" s="216" t="s">
        <v>3633</v>
      </c>
      <c r="IVK1" s="216" t="s">
        <v>3633</v>
      </c>
      <c r="IVL1" s="216" t="s">
        <v>3633</v>
      </c>
      <c r="IVM1" s="216" t="s">
        <v>3633</v>
      </c>
      <c r="IVN1" s="216" t="s">
        <v>3633</v>
      </c>
      <c r="IVO1" s="216" t="s">
        <v>3633</v>
      </c>
      <c r="IVP1" s="216" t="s">
        <v>3633</v>
      </c>
      <c r="IVQ1" s="216" t="s">
        <v>3633</v>
      </c>
      <c r="IVR1" s="216" t="s">
        <v>3633</v>
      </c>
      <c r="IVS1" s="216" t="s">
        <v>3633</v>
      </c>
      <c r="IVT1" s="216" t="s">
        <v>3633</v>
      </c>
      <c r="IVU1" s="216" t="s">
        <v>3633</v>
      </c>
      <c r="IVV1" s="216" t="s">
        <v>3633</v>
      </c>
      <c r="IVW1" s="216" t="s">
        <v>3633</v>
      </c>
      <c r="IVX1" s="216" t="s">
        <v>3633</v>
      </c>
      <c r="IVY1" s="216" t="s">
        <v>3633</v>
      </c>
      <c r="IVZ1" s="216" t="s">
        <v>3633</v>
      </c>
      <c r="IWA1" s="216" t="s">
        <v>3633</v>
      </c>
      <c r="IWB1" s="216" t="s">
        <v>3633</v>
      </c>
      <c r="IWC1" s="216" t="s">
        <v>3633</v>
      </c>
      <c r="IWD1" s="216" t="s">
        <v>3633</v>
      </c>
      <c r="IWE1" s="216" t="s">
        <v>3633</v>
      </c>
      <c r="IWF1" s="216" t="s">
        <v>3633</v>
      </c>
      <c r="IWG1" s="216" t="s">
        <v>3633</v>
      </c>
      <c r="IWH1" s="216" t="s">
        <v>3633</v>
      </c>
      <c r="IWI1" s="216" t="s">
        <v>3633</v>
      </c>
      <c r="IWJ1" s="216" t="s">
        <v>3633</v>
      </c>
      <c r="IWK1" s="216" t="s">
        <v>3633</v>
      </c>
      <c r="IWL1" s="216" t="s">
        <v>3633</v>
      </c>
      <c r="IWM1" s="216" t="s">
        <v>3633</v>
      </c>
      <c r="IWN1" s="216" t="s">
        <v>3633</v>
      </c>
      <c r="IWO1" s="216" t="s">
        <v>3633</v>
      </c>
      <c r="IWP1" s="216" t="s">
        <v>3633</v>
      </c>
      <c r="IWQ1" s="216" t="s">
        <v>3633</v>
      </c>
      <c r="IWR1" s="216" t="s">
        <v>3633</v>
      </c>
      <c r="IWS1" s="216" t="s">
        <v>3633</v>
      </c>
      <c r="IWT1" s="216" t="s">
        <v>3633</v>
      </c>
      <c r="IWU1" s="216" t="s">
        <v>3633</v>
      </c>
      <c r="IWV1" s="216" t="s">
        <v>3633</v>
      </c>
      <c r="IWW1" s="216" t="s">
        <v>3633</v>
      </c>
      <c r="IWX1" s="216" t="s">
        <v>3633</v>
      </c>
      <c r="IWY1" s="216" t="s">
        <v>3633</v>
      </c>
      <c r="IWZ1" s="216" t="s">
        <v>3633</v>
      </c>
      <c r="IXA1" s="216" t="s">
        <v>3633</v>
      </c>
      <c r="IXB1" s="216" t="s">
        <v>3633</v>
      </c>
      <c r="IXC1" s="216" t="s">
        <v>3633</v>
      </c>
      <c r="IXD1" s="216" t="s">
        <v>3633</v>
      </c>
      <c r="IXE1" s="216" t="s">
        <v>3633</v>
      </c>
      <c r="IXF1" s="216" t="s">
        <v>3633</v>
      </c>
      <c r="IXG1" s="216" t="s">
        <v>3633</v>
      </c>
      <c r="IXH1" s="216" t="s">
        <v>3633</v>
      </c>
      <c r="IXI1" s="216" t="s">
        <v>3633</v>
      </c>
      <c r="IXJ1" s="216" t="s">
        <v>3633</v>
      </c>
      <c r="IXK1" s="216" t="s">
        <v>3633</v>
      </c>
      <c r="IXL1" s="216" t="s">
        <v>3633</v>
      </c>
      <c r="IXM1" s="216" t="s">
        <v>3633</v>
      </c>
      <c r="IXN1" s="216" t="s">
        <v>3633</v>
      </c>
      <c r="IXO1" s="216" t="s">
        <v>3633</v>
      </c>
      <c r="IXP1" s="216" t="s">
        <v>3633</v>
      </c>
      <c r="IXQ1" s="216" t="s">
        <v>3633</v>
      </c>
      <c r="IXR1" s="216" t="s">
        <v>3633</v>
      </c>
      <c r="IXS1" s="216" t="s">
        <v>3633</v>
      </c>
      <c r="IXT1" s="216" t="s">
        <v>3633</v>
      </c>
      <c r="IXU1" s="216" t="s">
        <v>3633</v>
      </c>
      <c r="IXV1" s="216" t="s">
        <v>3633</v>
      </c>
      <c r="IXW1" s="216" t="s">
        <v>3633</v>
      </c>
      <c r="IXX1" s="216" t="s">
        <v>3633</v>
      </c>
      <c r="IXY1" s="216" t="s">
        <v>3633</v>
      </c>
      <c r="IXZ1" s="216" t="s">
        <v>3633</v>
      </c>
      <c r="IYA1" s="216" t="s">
        <v>3633</v>
      </c>
      <c r="IYB1" s="216" t="s">
        <v>3633</v>
      </c>
      <c r="IYC1" s="216" t="s">
        <v>3633</v>
      </c>
      <c r="IYD1" s="216" t="s">
        <v>3633</v>
      </c>
      <c r="IYE1" s="216" t="s">
        <v>3633</v>
      </c>
      <c r="IYF1" s="216" t="s">
        <v>3633</v>
      </c>
      <c r="IYG1" s="216" t="s">
        <v>3633</v>
      </c>
      <c r="IYH1" s="216" t="s">
        <v>3633</v>
      </c>
      <c r="IYI1" s="216" t="s">
        <v>3633</v>
      </c>
      <c r="IYJ1" s="216" t="s">
        <v>3633</v>
      </c>
      <c r="IYK1" s="216" t="s">
        <v>3633</v>
      </c>
      <c r="IYL1" s="216" t="s">
        <v>3633</v>
      </c>
      <c r="IYM1" s="216" t="s">
        <v>3633</v>
      </c>
      <c r="IYN1" s="216" t="s">
        <v>3633</v>
      </c>
      <c r="IYO1" s="216" t="s">
        <v>3633</v>
      </c>
      <c r="IYP1" s="216" t="s">
        <v>3633</v>
      </c>
      <c r="IYQ1" s="216" t="s">
        <v>3633</v>
      </c>
      <c r="IYR1" s="216" t="s">
        <v>3633</v>
      </c>
      <c r="IYS1" s="216" t="s">
        <v>3633</v>
      </c>
      <c r="IYT1" s="216" t="s">
        <v>3633</v>
      </c>
      <c r="IYU1" s="216" t="s">
        <v>3633</v>
      </c>
      <c r="IYV1" s="216" t="s">
        <v>3633</v>
      </c>
      <c r="IYW1" s="216" t="s">
        <v>3633</v>
      </c>
      <c r="IYX1" s="216" t="s">
        <v>3633</v>
      </c>
      <c r="IYY1" s="216" t="s">
        <v>3633</v>
      </c>
      <c r="IYZ1" s="216" t="s">
        <v>3633</v>
      </c>
      <c r="IZA1" s="216" t="s">
        <v>3633</v>
      </c>
      <c r="IZB1" s="216" t="s">
        <v>3633</v>
      </c>
      <c r="IZC1" s="216" t="s">
        <v>3633</v>
      </c>
      <c r="IZD1" s="216" t="s">
        <v>3633</v>
      </c>
      <c r="IZE1" s="216" t="s">
        <v>3633</v>
      </c>
      <c r="IZF1" s="216" t="s">
        <v>3633</v>
      </c>
      <c r="IZG1" s="216" t="s">
        <v>3633</v>
      </c>
      <c r="IZH1" s="216" t="s">
        <v>3633</v>
      </c>
      <c r="IZI1" s="216" t="s">
        <v>3633</v>
      </c>
      <c r="IZJ1" s="216" t="s">
        <v>3633</v>
      </c>
      <c r="IZK1" s="216" t="s">
        <v>3633</v>
      </c>
      <c r="IZL1" s="216" t="s">
        <v>3633</v>
      </c>
      <c r="IZM1" s="216" t="s">
        <v>3633</v>
      </c>
      <c r="IZN1" s="216" t="s">
        <v>3633</v>
      </c>
      <c r="IZO1" s="216" t="s">
        <v>3633</v>
      </c>
      <c r="IZP1" s="216" t="s">
        <v>3633</v>
      </c>
      <c r="IZQ1" s="216" t="s">
        <v>3633</v>
      </c>
      <c r="IZR1" s="216" t="s">
        <v>3633</v>
      </c>
      <c r="IZS1" s="216" t="s">
        <v>3633</v>
      </c>
      <c r="IZT1" s="216" t="s">
        <v>3633</v>
      </c>
      <c r="IZU1" s="216" t="s">
        <v>3633</v>
      </c>
      <c r="IZV1" s="216" t="s">
        <v>3633</v>
      </c>
      <c r="IZW1" s="216" t="s">
        <v>3633</v>
      </c>
      <c r="IZX1" s="216" t="s">
        <v>3633</v>
      </c>
      <c r="IZY1" s="216" t="s">
        <v>3633</v>
      </c>
      <c r="IZZ1" s="216" t="s">
        <v>3633</v>
      </c>
      <c r="JAA1" s="216" t="s">
        <v>3633</v>
      </c>
      <c r="JAB1" s="216" t="s">
        <v>3633</v>
      </c>
      <c r="JAC1" s="216" t="s">
        <v>3633</v>
      </c>
      <c r="JAD1" s="216" t="s">
        <v>3633</v>
      </c>
      <c r="JAE1" s="216" t="s">
        <v>3633</v>
      </c>
      <c r="JAF1" s="216" t="s">
        <v>3633</v>
      </c>
      <c r="JAG1" s="216" t="s">
        <v>3633</v>
      </c>
      <c r="JAH1" s="216" t="s">
        <v>3633</v>
      </c>
      <c r="JAI1" s="216" t="s">
        <v>3633</v>
      </c>
      <c r="JAJ1" s="216" t="s">
        <v>3633</v>
      </c>
      <c r="JAK1" s="216" t="s">
        <v>3633</v>
      </c>
      <c r="JAL1" s="216" t="s">
        <v>3633</v>
      </c>
      <c r="JAM1" s="216" t="s">
        <v>3633</v>
      </c>
      <c r="JAN1" s="216" t="s">
        <v>3633</v>
      </c>
      <c r="JAO1" s="216" t="s">
        <v>3633</v>
      </c>
      <c r="JAP1" s="216" t="s">
        <v>3633</v>
      </c>
      <c r="JAQ1" s="216" t="s">
        <v>3633</v>
      </c>
      <c r="JAR1" s="216" t="s">
        <v>3633</v>
      </c>
      <c r="JAS1" s="216" t="s">
        <v>3633</v>
      </c>
      <c r="JAT1" s="216" t="s">
        <v>3633</v>
      </c>
      <c r="JAU1" s="216" t="s">
        <v>3633</v>
      </c>
      <c r="JAV1" s="216" t="s">
        <v>3633</v>
      </c>
      <c r="JAW1" s="216" t="s">
        <v>3633</v>
      </c>
      <c r="JAX1" s="216" t="s">
        <v>3633</v>
      </c>
      <c r="JAY1" s="216" t="s">
        <v>3633</v>
      </c>
      <c r="JAZ1" s="216" t="s">
        <v>3633</v>
      </c>
      <c r="JBA1" s="216" t="s">
        <v>3633</v>
      </c>
      <c r="JBB1" s="216" t="s">
        <v>3633</v>
      </c>
      <c r="JBC1" s="216" t="s">
        <v>3633</v>
      </c>
      <c r="JBD1" s="216" t="s">
        <v>3633</v>
      </c>
      <c r="JBE1" s="216" t="s">
        <v>3633</v>
      </c>
      <c r="JBF1" s="216" t="s">
        <v>3633</v>
      </c>
      <c r="JBG1" s="216" t="s">
        <v>3633</v>
      </c>
      <c r="JBH1" s="216" t="s">
        <v>3633</v>
      </c>
      <c r="JBI1" s="216" t="s">
        <v>3633</v>
      </c>
      <c r="JBJ1" s="216" t="s">
        <v>3633</v>
      </c>
      <c r="JBK1" s="216" t="s">
        <v>3633</v>
      </c>
      <c r="JBL1" s="216" t="s">
        <v>3633</v>
      </c>
      <c r="JBM1" s="216" t="s">
        <v>3633</v>
      </c>
      <c r="JBN1" s="216" t="s">
        <v>3633</v>
      </c>
      <c r="JBO1" s="216" t="s">
        <v>3633</v>
      </c>
      <c r="JBP1" s="216" t="s">
        <v>3633</v>
      </c>
      <c r="JBQ1" s="216" t="s">
        <v>3633</v>
      </c>
      <c r="JBR1" s="216" t="s">
        <v>3633</v>
      </c>
      <c r="JBS1" s="216" t="s">
        <v>3633</v>
      </c>
      <c r="JBT1" s="216" t="s">
        <v>3633</v>
      </c>
      <c r="JBU1" s="216" t="s">
        <v>3633</v>
      </c>
      <c r="JBV1" s="216" t="s">
        <v>3633</v>
      </c>
      <c r="JBW1" s="216" t="s">
        <v>3633</v>
      </c>
      <c r="JBX1" s="216" t="s">
        <v>3633</v>
      </c>
      <c r="JBY1" s="216" t="s">
        <v>3633</v>
      </c>
      <c r="JBZ1" s="216" t="s">
        <v>3633</v>
      </c>
      <c r="JCA1" s="216" t="s">
        <v>3633</v>
      </c>
      <c r="JCB1" s="216" t="s">
        <v>3633</v>
      </c>
      <c r="JCC1" s="216" t="s">
        <v>3633</v>
      </c>
      <c r="JCD1" s="216" t="s">
        <v>3633</v>
      </c>
      <c r="JCE1" s="216" t="s">
        <v>3633</v>
      </c>
      <c r="JCF1" s="216" t="s">
        <v>3633</v>
      </c>
      <c r="JCG1" s="216" t="s">
        <v>3633</v>
      </c>
      <c r="JCH1" s="216" t="s">
        <v>3633</v>
      </c>
      <c r="JCI1" s="216" t="s">
        <v>3633</v>
      </c>
      <c r="JCJ1" s="216" t="s">
        <v>3633</v>
      </c>
      <c r="JCK1" s="216" t="s">
        <v>3633</v>
      </c>
      <c r="JCL1" s="216" t="s">
        <v>3633</v>
      </c>
      <c r="JCM1" s="216" t="s">
        <v>3633</v>
      </c>
      <c r="JCN1" s="216" t="s">
        <v>3633</v>
      </c>
      <c r="JCO1" s="216" t="s">
        <v>3633</v>
      </c>
      <c r="JCP1" s="216" t="s">
        <v>3633</v>
      </c>
      <c r="JCQ1" s="216" t="s">
        <v>3633</v>
      </c>
      <c r="JCR1" s="216" t="s">
        <v>3633</v>
      </c>
      <c r="JCS1" s="216" t="s">
        <v>3633</v>
      </c>
      <c r="JCT1" s="216" t="s">
        <v>3633</v>
      </c>
      <c r="JCU1" s="216" t="s">
        <v>3633</v>
      </c>
      <c r="JCV1" s="216" t="s">
        <v>3633</v>
      </c>
      <c r="JCW1" s="216" t="s">
        <v>3633</v>
      </c>
      <c r="JCX1" s="216" t="s">
        <v>3633</v>
      </c>
      <c r="JCY1" s="216" t="s">
        <v>3633</v>
      </c>
      <c r="JCZ1" s="216" t="s">
        <v>3633</v>
      </c>
      <c r="JDA1" s="216" t="s">
        <v>3633</v>
      </c>
      <c r="JDB1" s="216" t="s">
        <v>3633</v>
      </c>
      <c r="JDC1" s="216" t="s">
        <v>3633</v>
      </c>
      <c r="JDD1" s="216" t="s">
        <v>3633</v>
      </c>
      <c r="JDE1" s="216" t="s">
        <v>3633</v>
      </c>
      <c r="JDF1" s="216" t="s">
        <v>3633</v>
      </c>
      <c r="JDG1" s="216" t="s">
        <v>3633</v>
      </c>
      <c r="JDH1" s="216" t="s">
        <v>3633</v>
      </c>
      <c r="JDI1" s="216" t="s">
        <v>3633</v>
      </c>
      <c r="JDJ1" s="216" t="s">
        <v>3633</v>
      </c>
      <c r="JDK1" s="216" t="s">
        <v>3633</v>
      </c>
      <c r="JDL1" s="216" t="s">
        <v>3633</v>
      </c>
      <c r="JDM1" s="216" t="s">
        <v>3633</v>
      </c>
      <c r="JDN1" s="216" t="s">
        <v>3633</v>
      </c>
      <c r="JDO1" s="216" t="s">
        <v>3633</v>
      </c>
      <c r="JDP1" s="216" t="s">
        <v>3633</v>
      </c>
      <c r="JDQ1" s="216" t="s">
        <v>3633</v>
      </c>
      <c r="JDR1" s="216" t="s">
        <v>3633</v>
      </c>
      <c r="JDS1" s="216" t="s">
        <v>3633</v>
      </c>
      <c r="JDT1" s="216" t="s">
        <v>3633</v>
      </c>
      <c r="JDU1" s="216" t="s">
        <v>3633</v>
      </c>
      <c r="JDV1" s="216" t="s">
        <v>3633</v>
      </c>
      <c r="JDW1" s="216" t="s">
        <v>3633</v>
      </c>
      <c r="JDX1" s="216" t="s">
        <v>3633</v>
      </c>
      <c r="JDY1" s="216" t="s">
        <v>3633</v>
      </c>
      <c r="JDZ1" s="216" t="s">
        <v>3633</v>
      </c>
      <c r="JEA1" s="216" t="s">
        <v>3633</v>
      </c>
      <c r="JEB1" s="216" t="s">
        <v>3633</v>
      </c>
      <c r="JEC1" s="216" t="s">
        <v>3633</v>
      </c>
      <c r="JED1" s="216" t="s">
        <v>3633</v>
      </c>
      <c r="JEE1" s="216" t="s">
        <v>3633</v>
      </c>
      <c r="JEF1" s="216" t="s">
        <v>3633</v>
      </c>
      <c r="JEG1" s="216" t="s">
        <v>3633</v>
      </c>
      <c r="JEH1" s="216" t="s">
        <v>3633</v>
      </c>
      <c r="JEI1" s="216" t="s">
        <v>3633</v>
      </c>
      <c r="JEJ1" s="216" t="s">
        <v>3633</v>
      </c>
      <c r="JEK1" s="216" t="s">
        <v>3633</v>
      </c>
      <c r="JEL1" s="216" t="s">
        <v>3633</v>
      </c>
      <c r="JEM1" s="216" t="s">
        <v>3633</v>
      </c>
      <c r="JEN1" s="216" t="s">
        <v>3633</v>
      </c>
      <c r="JEO1" s="216" t="s">
        <v>3633</v>
      </c>
      <c r="JEP1" s="216" t="s">
        <v>3633</v>
      </c>
      <c r="JEQ1" s="216" t="s">
        <v>3633</v>
      </c>
      <c r="JER1" s="216" t="s">
        <v>3633</v>
      </c>
      <c r="JES1" s="216" t="s">
        <v>3633</v>
      </c>
      <c r="JET1" s="216" t="s">
        <v>3633</v>
      </c>
      <c r="JEU1" s="216" t="s">
        <v>3633</v>
      </c>
      <c r="JEV1" s="216" t="s">
        <v>3633</v>
      </c>
      <c r="JEW1" s="216" t="s">
        <v>3633</v>
      </c>
      <c r="JEX1" s="216" t="s">
        <v>3633</v>
      </c>
      <c r="JEY1" s="216" t="s">
        <v>3633</v>
      </c>
      <c r="JEZ1" s="216" t="s">
        <v>3633</v>
      </c>
      <c r="JFA1" s="216" t="s">
        <v>3633</v>
      </c>
      <c r="JFB1" s="216" t="s">
        <v>3633</v>
      </c>
      <c r="JFC1" s="216" t="s">
        <v>3633</v>
      </c>
      <c r="JFD1" s="216" t="s">
        <v>3633</v>
      </c>
      <c r="JFE1" s="216" t="s">
        <v>3633</v>
      </c>
      <c r="JFF1" s="216" t="s">
        <v>3633</v>
      </c>
      <c r="JFG1" s="216" t="s">
        <v>3633</v>
      </c>
      <c r="JFH1" s="216" t="s">
        <v>3633</v>
      </c>
      <c r="JFI1" s="216" t="s">
        <v>3633</v>
      </c>
      <c r="JFJ1" s="216" t="s">
        <v>3633</v>
      </c>
      <c r="JFK1" s="216" t="s">
        <v>3633</v>
      </c>
      <c r="JFL1" s="216" t="s">
        <v>3633</v>
      </c>
      <c r="JFM1" s="216" t="s">
        <v>3633</v>
      </c>
      <c r="JFN1" s="216" t="s">
        <v>3633</v>
      </c>
      <c r="JFO1" s="216" t="s">
        <v>3633</v>
      </c>
      <c r="JFP1" s="216" t="s">
        <v>3633</v>
      </c>
      <c r="JFQ1" s="216" t="s">
        <v>3633</v>
      </c>
      <c r="JFR1" s="216" t="s">
        <v>3633</v>
      </c>
      <c r="JFS1" s="216" t="s">
        <v>3633</v>
      </c>
      <c r="JFT1" s="216" t="s">
        <v>3633</v>
      </c>
      <c r="JFU1" s="216" t="s">
        <v>3633</v>
      </c>
      <c r="JFV1" s="216" t="s">
        <v>3633</v>
      </c>
      <c r="JFW1" s="216" t="s">
        <v>3633</v>
      </c>
      <c r="JFX1" s="216" t="s">
        <v>3633</v>
      </c>
      <c r="JFY1" s="216" t="s">
        <v>3633</v>
      </c>
      <c r="JFZ1" s="216" t="s">
        <v>3633</v>
      </c>
      <c r="JGA1" s="216" t="s">
        <v>3633</v>
      </c>
      <c r="JGB1" s="216" t="s">
        <v>3633</v>
      </c>
      <c r="JGC1" s="216" t="s">
        <v>3633</v>
      </c>
      <c r="JGD1" s="216" t="s">
        <v>3633</v>
      </c>
      <c r="JGE1" s="216" t="s">
        <v>3633</v>
      </c>
      <c r="JGF1" s="216" t="s">
        <v>3633</v>
      </c>
      <c r="JGG1" s="216" t="s">
        <v>3633</v>
      </c>
      <c r="JGH1" s="216" t="s">
        <v>3633</v>
      </c>
      <c r="JGI1" s="216" t="s">
        <v>3633</v>
      </c>
      <c r="JGJ1" s="216" t="s">
        <v>3633</v>
      </c>
      <c r="JGK1" s="216" t="s">
        <v>3633</v>
      </c>
      <c r="JGL1" s="216" t="s">
        <v>3633</v>
      </c>
      <c r="JGM1" s="216" t="s">
        <v>3633</v>
      </c>
      <c r="JGN1" s="216" t="s">
        <v>3633</v>
      </c>
      <c r="JGO1" s="216" t="s">
        <v>3633</v>
      </c>
      <c r="JGP1" s="216" t="s">
        <v>3633</v>
      </c>
      <c r="JGQ1" s="216" t="s">
        <v>3633</v>
      </c>
      <c r="JGR1" s="216" t="s">
        <v>3633</v>
      </c>
      <c r="JGS1" s="216" t="s">
        <v>3633</v>
      </c>
      <c r="JGT1" s="216" t="s">
        <v>3633</v>
      </c>
      <c r="JGU1" s="216" t="s">
        <v>3633</v>
      </c>
      <c r="JGV1" s="216" t="s">
        <v>3633</v>
      </c>
      <c r="JGW1" s="216" t="s">
        <v>3633</v>
      </c>
      <c r="JGX1" s="216" t="s">
        <v>3633</v>
      </c>
      <c r="JGY1" s="216" t="s">
        <v>3633</v>
      </c>
      <c r="JGZ1" s="216" t="s">
        <v>3633</v>
      </c>
      <c r="JHA1" s="216" t="s">
        <v>3633</v>
      </c>
      <c r="JHB1" s="216" t="s">
        <v>3633</v>
      </c>
      <c r="JHC1" s="216" t="s">
        <v>3633</v>
      </c>
      <c r="JHD1" s="216" t="s">
        <v>3633</v>
      </c>
      <c r="JHE1" s="216" t="s">
        <v>3633</v>
      </c>
      <c r="JHF1" s="216" t="s">
        <v>3633</v>
      </c>
      <c r="JHG1" s="216" t="s">
        <v>3633</v>
      </c>
      <c r="JHH1" s="216" t="s">
        <v>3633</v>
      </c>
      <c r="JHI1" s="216" t="s">
        <v>3633</v>
      </c>
      <c r="JHJ1" s="216" t="s">
        <v>3633</v>
      </c>
      <c r="JHK1" s="216" t="s">
        <v>3633</v>
      </c>
      <c r="JHL1" s="216" t="s">
        <v>3633</v>
      </c>
      <c r="JHM1" s="216" t="s">
        <v>3633</v>
      </c>
      <c r="JHN1" s="216" t="s">
        <v>3633</v>
      </c>
      <c r="JHO1" s="216" t="s">
        <v>3633</v>
      </c>
      <c r="JHP1" s="216" t="s">
        <v>3633</v>
      </c>
      <c r="JHQ1" s="216" t="s">
        <v>3633</v>
      </c>
      <c r="JHR1" s="216" t="s">
        <v>3633</v>
      </c>
      <c r="JHS1" s="216" t="s">
        <v>3633</v>
      </c>
      <c r="JHT1" s="216" t="s">
        <v>3633</v>
      </c>
      <c r="JHU1" s="216" t="s">
        <v>3633</v>
      </c>
      <c r="JHV1" s="216" t="s">
        <v>3633</v>
      </c>
      <c r="JHW1" s="216" t="s">
        <v>3633</v>
      </c>
      <c r="JHX1" s="216" t="s">
        <v>3633</v>
      </c>
      <c r="JHY1" s="216" t="s">
        <v>3633</v>
      </c>
      <c r="JHZ1" s="216" t="s">
        <v>3633</v>
      </c>
      <c r="JIA1" s="216" t="s">
        <v>3633</v>
      </c>
      <c r="JIB1" s="216" t="s">
        <v>3633</v>
      </c>
      <c r="JIC1" s="216" t="s">
        <v>3633</v>
      </c>
      <c r="JID1" s="216" t="s">
        <v>3633</v>
      </c>
      <c r="JIE1" s="216" t="s">
        <v>3633</v>
      </c>
      <c r="JIF1" s="216" t="s">
        <v>3633</v>
      </c>
      <c r="JIG1" s="216" t="s">
        <v>3633</v>
      </c>
      <c r="JIH1" s="216" t="s">
        <v>3633</v>
      </c>
      <c r="JII1" s="216" t="s">
        <v>3633</v>
      </c>
      <c r="JIJ1" s="216" t="s">
        <v>3633</v>
      </c>
      <c r="JIK1" s="216" t="s">
        <v>3633</v>
      </c>
      <c r="JIL1" s="216" t="s">
        <v>3633</v>
      </c>
      <c r="JIM1" s="216" t="s">
        <v>3633</v>
      </c>
      <c r="JIN1" s="216" t="s">
        <v>3633</v>
      </c>
      <c r="JIO1" s="216" t="s">
        <v>3633</v>
      </c>
      <c r="JIP1" s="216" t="s">
        <v>3633</v>
      </c>
      <c r="JIQ1" s="216" t="s">
        <v>3633</v>
      </c>
      <c r="JIR1" s="216" t="s">
        <v>3633</v>
      </c>
      <c r="JIS1" s="216" t="s">
        <v>3633</v>
      </c>
      <c r="JIT1" s="216" t="s">
        <v>3633</v>
      </c>
      <c r="JIU1" s="216" t="s">
        <v>3633</v>
      </c>
      <c r="JIV1" s="216" t="s">
        <v>3633</v>
      </c>
      <c r="JIW1" s="216" t="s">
        <v>3633</v>
      </c>
      <c r="JIX1" s="216" t="s">
        <v>3633</v>
      </c>
      <c r="JIY1" s="216" t="s">
        <v>3633</v>
      </c>
      <c r="JIZ1" s="216" t="s">
        <v>3633</v>
      </c>
      <c r="JJA1" s="216" t="s">
        <v>3633</v>
      </c>
      <c r="JJB1" s="216" t="s">
        <v>3633</v>
      </c>
      <c r="JJC1" s="216" t="s">
        <v>3633</v>
      </c>
      <c r="JJD1" s="216" t="s">
        <v>3633</v>
      </c>
      <c r="JJE1" s="216" t="s">
        <v>3633</v>
      </c>
      <c r="JJF1" s="216" t="s">
        <v>3633</v>
      </c>
      <c r="JJG1" s="216" t="s">
        <v>3633</v>
      </c>
      <c r="JJH1" s="216" t="s">
        <v>3633</v>
      </c>
      <c r="JJI1" s="216" t="s">
        <v>3633</v>
      </c>
      <c r="JJJ1" s="216" t="s">
        <v>3633</v>
      </c>
      <c r="JJK1" s="216" t="s">
        <v>3633</v>
      </c>
      <c r="JJL1" s="216" t="s">
        <v>3633</v>
      </c>
      <c r="JJM1" s="216" t="s">
        <v>3633</v>
      </c>
      <c r="JJN1" s="216" t="s">
        <v>3633</v>
      </c>
      <c r="JJO1" s="216" t="s">
        <v>3633</v>
      </c>
      <c r="JJP1" s="216" t="s">
        <v>3633</v>
      </c>
      <c r="JJQ1" s="216" t="s">
        <v>3633</v>
      </c>
      <c r="JJR1" s="216" t="s">
        <v>3633</v>
      </c>
      <c r="JJS1" s="216" t="s">
        <v>3633</v>
      </c>
      <c r="JJT1" s="216" t="s">
        <v>3633</v>
      </c>
      <c r="JJU1" s="216" t="s">
        <v>3633</v>
      </c>
      <c r="JJV1" s="216" t="s">
        <v>3633</v>
      </c>
      <c r="JJW1" s="216" t="s">
        <v>3633</v>
      </c>
      <c r="JJX1" s="216" t="s">
        <v>3633</v>
      </c>
      <c r="JJY1" s="216" t="s">
        <v>3633</v>
      </c>
      <c r="JJZ1" s="216" t="s">
        <v>3633</v>
      </c>
      <c r="JKA1" s="216" t="s">
        <v>3633</v>
      </c>
      <c r="JKB1" s="216" t="s">
        <v>3633</v>
      </c>
      <c r="JKC1" s="216" t="s">
        <v>3633</v>
      </c>
      <c r="JKD1" s="216" t="s">
        <v>3633</v>
      </c>
      <c r="JKE1" s="216" t="s">
        <v>3633</v>
      </c>
      <c r="JKF1" s="216" t="s">
        <v>3633</v>
      </c>
      <c r="JKG1" s="216" t="s">
        <v>3633</v>
      </c>
      <c r="JKH1" s="216" t="s">
        <v>3633</v>
      </c>
      <c r="JKI1" s="216" t="s">
        <v>3633</v>
      </c>
      <c r="JKJ1" s="216" t="s">
        <v>3633</v>
      </c>
      <c r="JKK1" s="216" t="s">
        <v>3633</v>
      </c>
      <c r="JKL1" s="216" t="s">
        <v>3633</v>
      </c>
      <c r="JKM1" s="216" t="s">
        <v>3633</v>
      </c>
      <c r="JKN1" s="216" t="s">
        <v>3633</v>
      </c>
      <c r="JKO1" s="216" t="s">
        <v>3633</v>
      </c>
      <c r="JKP1" s="216" t="s">
        <v>3633</v>
      </c>
      <c r="JKQ1" s="216" t="s">
        <v>3633</v>
      </c>
      <c r="JKR1" s="216" t="s">
        <v>3633</v>
      </c>
      <c r="JKS1" s="216" t="s">
        <v>3633</v>
      </c>
      <c r="JKT1" s="216" t="s">
        <v>3633</v>
      </c>
      <c r="JKU1" s="216" t="s">
        <v>3633</v>
      </c>
      <c r="JKV1" s="216" t="s">
        <v>3633</v>
      </c>
      <c r="JKW1" s="216" t="s">
        <v>3633</v>
      </c>
      <c r="JKX1" s="216" t="s">
        <v>3633</v>
      </c>
      <c r="JKY1" s="216" t="s">
        <v>3633</v>
      </c>
      <c r="JKZ1" s="216" t="s">
        <v>3633</v>
      </c>
      <c r="JLA1" s="216" t="s">
        <v>3633</v>
      </c>
      <c r="JLB1" s="216" t="s">
        <v>3633</v>
      </c>
      <c r="JLC1" s="216" t="s">
        <v>3633</v>
      </c>
      <c r="JLD1" s="216" t="s">
        <v>3633</v>
      </c>
      <c r="JLE1" s="216" t="s">
        <v>3633</v>
      </c>
      <c r="JLF1" s="216" t="s">
        <v>3633</v>
      </c>
      <c r="JLG1" s="216" t="s">
        <v>3633</v>
      </c>
      <c r="JLH1" s="216" t="s">
        <v>3633</v>
      </c>
      <c r="JLI1" s="216" t="s">
        <v>3633</v>
      </c>
      <c r="JLJ1" s="216" t="s">
        <v>3633</v>
      </c>
      <c r="JLK1" s="216" t="s">
        <v>3633</v>
      </c>
      <c r="JLL1" s="216" t="s">
        <v>3633</v>
      </c>
      <c r="JLM1" s="216" t="s">
        <v>3633</v>
      </c>
      <c r="JLN1" s="216" t="s">
        <v>3633</v>
      </c>
      <c r="JLO1" s="216" t="s">
        <v>3633</v>
      </c>
      <c r="JLP1" s="216" t="s">
        <v>3633</v>
      </c>
      <c r="JLQ1" s="216" t="s">
        <v>3633</v>
      </c>
      <c r="JLR1" s="216" t="s">
        <v>3633</v>
      </c>
      <c r="JLS1" s="216" t="s">
        <v>3633</v>
      </c>
      <c r="JLT1" s="216" t="s">
        <v>3633</v>
      </c>
      <c r="JLU1" s="216" t="s">
        <v>3633</v>
      </c>
      <c r="JLV1" s="216" t="s">
        <v>3633</v>
      </c>
      <c r="JLW1" s="216" t="s">
        <v>3633</v>
      </c>
      <c r="JLX1" s="216" t="s">
        <v>3633</v>
      </c>
      <c r="JLY1" s="216" t="s">
        <v>3633</v>
      </c>
      <c r="JLZ1" s="216" t="s">
        <v>3633</v>
      </c>
      <c r="JMA1" s="216" t="s">
        <v>3633</v>
      </c>
      <c r="JMB1" s="216" t="s">
        <v>3633</v>
      </c>
      <c r="JMC1" s="216" t="s">
        <v>3633</v>
      </c>
      <c r="JMD1" s="216" t="s">
        <v>3633</v>
      </c>
      <c r="JME1" s="216" t="s">
        <v>3633</v>
      </c>
      <c r="JMF1" s="216" t="s">
        <v>3633</v>
      </c>
      <c r="JMG1" s="216" t="s">
        <v>3633</v>
      </c>
      <c r="JMH1" s="216" t="s">
        <v>3633</v>
      </c>
      <c r="JMI1" s="216" t="s">
        <v>3633</v>
      </c>
      <c r="JMJ1" s="216" t="s">
        <v>3633</v>
      </c>
      <c r="JMK1" s="216" t="s">
        <v>3633</v>
      </c>
      <c r="JML1" s="216" t="s">
        <v>3633</v>
      </c>
      <c r="JMM1" s="216" t="s">
        <v>3633</v>
      </c>
      <c r="JMN1" s="216" t="s">
        <v>3633</v>
      </c>
      <c r="JMO1" s="216" t="s">
        <v>3633</v>
      </c>
      <c r="JMP1" s="216" t="s">
        <v>3633</v>
      </c>
      <c r="JMQ1" s="216" t="s">
        <v>3633</v>
      </c>
      <c r="JMR1" s="216" t="s">
        <v>3633</v>
      </c>
      <c r="JMS1" s="216" t="s">
        <v>3633</v>
      </c>
      <c r="JMT1" s="216" t="s">
        <v>3633</v>
      </c>
      <c r="JMU1" s="216" t="s">
        <v>3633</v>
      </c>
      <c r="JMV1" s="216" t="s">
        <v>3633</v>
      </c>
      <c r="JMW1" s="216" t="s">
        <v>3633</v>
      </c>
      <c r="JMX1" s="216" t="s">
        <v>3633</v>
      </c>
      <c r="JMY1" s="216" t="s">
        <v>3633</v>
      </c>
      <c r="JMZ1" s="216" t="s">
        <v>3633</v>
      </c>
      <c r="JNA1" s="216" t="s">
        <v>3633</v>
      </c>
      <c r="JNB1" s="216" t="s">
        <v>3633</v>
      </c>
      <c r="JNC1" s="216" t="s">
        <v>3633</v>
      </c>
      <c r="JND1" s="216" t="s">
        <v>3633</v>
      </c>
      <c r="JNE1" s="216" t="s">
        <v>3633</v>
      </c>
      <c r="JNF1" s="216" t="s">
        <v>3633</v>
      </c>
      <c r="JNG1" s="216" t="s">
        <v>3633</v>
      </c>
      <c r="JNH1" s="216" t="s">
        <v>3633</v>
      </c>
      <c r="JNI1" s="216" t="s">
        <v>3633</v>
      </c>
      <c r="JNJ1" s="216" t="s">
        <v>3633</v>
      </c>
      <c r="JNK1" s="216" t="s">
        <v>3633</v>
      </c>
      <c r="JNL1" s="216" t="s">
        <v>3633</v>
      </c>
      <c r="JNM1" s="216" t="s">
        <v>3633</v>
      </c>
      <c r="JNN1" s="216" t="s">
        <v>3633</v>
      </c>
      <c r="JNO1" s="216" t="s">
        <v>3633</v>
      </c>
      <c r="JNP1" s="216" t="s">
        <v>3633</v>
      </c>
      <c r="JNQ1" s="216" t="s">
        <v>3633</v>
      </c>
      <c r="JNR1" s="216" t="s">
        <v>3633</v>
      </c>
      <c r="JNS1" s="216" t="s">
        <v>3633</v>
      </c>
      <c r="JNT1" s="216" t="s">
        <v>3633</v>
      </c>
      <c r="JNU1" s="216" t="s">
        <v>3633</v>
      </c>
      <c r="JNV1" s="216" t="s">
        <v>3633</v>
      </c>
      <c r="JNW1" s="216" t="s">
        <v>3633</v>
      </c>
      <c r="JNX1" s="216" t="s">
        <v>3633</v>
      </c>
      <c r="JNY1" s="216" t="s">
        <v>3633</v>
      </c>
      <c r="JNZ1" s="216" t="s">
        <v>3633</v>
      </c>
      <c r="JOA1" s="216" t="s">
        <v>3633</v>
      </c>
      <c r="JOB1" s="216" t="s">
        <v>3633</v>
      </c>
      <c r="JOC1" s="216" t="s">
        <v>3633</v>
      </c>
      <c r="JOD1" s="216" t="s">
        <v>3633</v>
      </c>
      <c r="JOE1" s="216" t="s">
        <v>3633</v>
      </c>
      <c r="JOF1" s="216" t="s">
        <v>3633</v>
      </c>
      <c r="JOG1" s="216" t="s">
        <v>3633</v>
      </c>
      <c r="JOH1" s="216" t="s">
        <v>3633</v>
      </c>
      <c r="JOI1" s="216" t="s">
        <v>3633</v>
      </c>
      <c r="JOJ1" s="216" t="s">
        <v>3633</v>
      </c>
      <c r="JOK1" s="216" t="s">
        <v>3633</v>
      </c>
      <c r="JOL1" s="216" t="s">
        <v>3633</v>
      </c>
      <c r="JOM1" s="216" t="s">
        <v>3633</v>
      </c>
      <c r="JON1" s="216" t="s">
        <v>3633</v>
      </c>
      <c r="JOO1" s="216" t="s">
        <v>3633</v>
      </c>
      <c r="JOP1" s="216" t="s">
        <v>3633</v>
      </c>
      <c r="JOQ1" s="216" t="s">
        <v>3633</v>
      </c>
      <c r="JOR1" s="216" t="s">
        <v>3633</v>
      </c>
      <c r="JOS1" s="216" t="s">
        <v>3633</v>
      </c>
      <c r="JOT1" s="216" t="s">
        <v>3633</v>
      </c>
      <c r="JOU1" s="216" t="s">
        <v>3633</v>
      </c>
      <c r="JOV1" s="216" t="s">
        <v>3633</v>
      </c>
      <c r="JOW1" s="216" t="s">
        <v>3633</v>
      </c>
      <c r="JOX1" s="216" t="s">
        <v>3633</v>
      </c>
      <c r="JOY1" s="216" t="s">
        <v>3633</v>
      </c>
      <c r="JOZ1" s="216" t="s">
        <v>3633</v>
      </c>
      <c r="JPA1" s="216" t="s">
        <v>3633</v>
      </c>
      <c r="JPB1" s="216" t="s">
        <v>3633</v>
      </c>
      <c r="JPC1" s="216" t="s">
        <v>3633</v>
      </c>
      <c r="JPD1" s="216" t="s">
        <v>3633</v>
      </c>
      <c r="JPE1" s="216" t="s">
        <v>3633</v>
      </c>
      <c r="JPF1" s="216" t="s">
        <v>3633</v>
      </c>
      <c r="JPG1" s="216" t="s">
        <v>3633</v>
      </c>
      <c r="JPH1" s="216" t="s">
        <v>3633</v>
      </c>
      <c r="JPI1" s="216" t="s">
        <v>3633</v>
      </c>
      <c r="JPJ1" s="216" t="s">
        <v>3633</v>
      </c>
      <c r="JPK1" s="216" t="s">
        <v>3633</v>
      </c>
      <c r="JPL1" s="216" t="s">
        <v>3633</v>
      </c>
      <c r="JPM1" s="216" t="s">
        <v>3633</v>
      </c>
      <c r="JPN1" s="216" t="s">
        <v>3633</v>
      </c>
      <c r="JPO1" s="216" t="s">
        <v>3633</v>
      </c>
      <c r="JPP1" s="216" t="s">
        <v>3633</v>
      </c>
      <c r="JPQ1" s="216" t="s">
        <v>3633</v>
      </c>
      <c r="JPR1" s="216" t="s">
        <v>3633</v>
      </c>
      <c r="JPS1" s="216" t="s">
        <v>3633</v>
      </c>
      <c r="JPT1" s="216" t="s">
        <v>3633</v>
      </c>
      <c r="JPU1" s="216" t="s">
        <v>3633</v>
      </c>
      <c r="JPV1" s="216" t="s">
        <v>3633</v>
      </c>
      <c r="JPW1" s="216" t="s">
        <v>3633</v>
      </c>
      <c r="JPX1" s="216" t="s">
        <v>3633</v>
      </c>
      <c r="JPY1" s="216" t="s">
        <v>3633</v>
      </c>
      <c r="JPZ1" s="216" t="s">
        <v>3633</v>
      </c>
      <c r="JQA1" s="216" t="s">
        <v>3633</v>
      </c>
      <c r="JQB1" s="216" t="s">
        <v>3633</v>
      </c>
      <c r="JQC1" s="216" t="s">
        <v>3633</v>
      </c>
      <c r="JQD1" s="216" t="s">
        <v>3633</v>
      </c>
      <c r="JQE1" s="216" t="s">
        <v>3633</v>
      </c>
      <c r="JQF1" s="216" t="s">
        <v>3633</v>
      </c>
      <c r="JQG1" s="216" t="s">
        <v>3633</v>
      </c>
      <c r="JQH1" s="216" t="s">
        <v>3633</v>
      </c>
      <c r="JQI1" s="216" t="s">
        <v>3633</v>
      </c>
      <c r="JQJ1" s="216" t="s">
        <v>3633</v>
      </c>
      <c r="JQK1" s="216" t="s">
        <v>3633</v>
      </c>
      <c r="JQL1" s="216" t="s">
        <v>3633</v>
      </c>
      <c r="JQM1" s="216" t="s">
        <v>3633</v>
      </c>
      <c r="JQN1" s="216" t="s">
        <v>3633</v>
      </c>
      <c r="JQO1" s="216" t="s">
        <v>3633</v>
      </c>
      <c r="JQP1" s="216" t="s">
        <v>3633</v>
      </c>
      <c r="JQQ1" s="216" t="s">
        <v>3633</v>
      </c>
      <c r="JQR1" s="216" t="s">
        <v>3633</v>
      </c>
      <c r="JQS1" s="216" t="s">
        <v>3633</v>
      </c>
      <c r="JQT1" s="216" t="s">
        <v>3633</v>
      </c>
      <c r="JQU1" s="216" t="s">
        <v>3633</v>
      </c>
      <c r="JQV1" s="216" t="s">
        <v>3633</v>
      </c>
      <c r="JQW1" s="216" t="s">
        <v>3633</v>
      </c>
      <c r="JQX1" s="216" t="s">
        <v>3633</v>
      </c>
      <c r="JQY1" s="216" t="s">
        <v>3633</v>
      </c>
      <c r="JQZ1" s="216" t="s">
        <v>3633</v>
      </c>
      <c r="JRA1" s="216" t="s">
        <v>3633</v>
      </c>
      <c r="JRB1" s="216" t="s">
        <v>3633</v>
      </c>
      <c r="JRC1" s="216" t="s">
        <v>3633</v>
      </c>
      <c r="JRD1" s="216" t="s">
        <v>3633</v>
      </c>
      <c r="JRE1" s="216" t="s">
        <v>3633</v>
      </c>
      <c r="JRF1" s="216" t="s">
        <v>3633</v>
      </c>
      <c r="JRG1" s="216" t="s">
        <v>3633</v>
      </c>
      <c r="JRH1" s="216" t="s">
        <v>3633</v>
      </c>
      <c r="JRI1" s="216" t="s">
        <v>3633</v>
      </c>
      <c r="JRJ1" s="216" t="s">
        <v>3633</v>
      </c>
      <c r="JRK1" s="216" t="s">
        <v>3633</v>
      </c>
      <c r="JRL1" s="216" t="s">
        <v>3633</v>
      </c>
      <c r="JRM1" s="216" t="s">
        <v>3633</v>
      </c>
      <c r="JRN1" s="216" t="s">
        <v>3633</v>
      </c>
      <c r="JRO1" s="216" t="s">
        <v>3633</v>
      </c>
      <c r="JRP1" s="216" t="s">
        <v>3633</v>
      </c>
      <c r="JRQ1" s="216" t="s">
        <v>3633</v>
      </c>
      <c r="JRR1" s="216" t="s">
        <v>3633</v>
      </c>
      <c r="JRS1" s="216" t="s">
        <v>3633</v>
      </c>
      <c r="JRT1" s="216" t="s">
        <v>3633</v>
      </c>
      <c r="JRU1" s="216" t="s">
        <v>3633</v>
      </c>
      <c r="JRV1" s="216" t="s">
        <v>3633</v>
      </c>
      <c r="JRW1" s="216" t="s">
        <v>3633</v>
      </c>
      <c r="JRX1" s="216" t="s">
        <v>3633</v>
      </c>
      <c r="JRY1" s="216" t="s">
        <v>3633</v>
      </c>
      <c r="JRZ1" s="216" t="s">
        <v>3633</v>
      </c>
      <c r="JSA1" s="216" t="s">
        <v>3633</v>
      </c>
      <c r="JSB1" s="216" t="s">
        <v>3633</v>
      </c>
      <c r="JSC1" s="216" t="s">
        <v>3633</v>
      </c>
      <c r="JSD1" s="216" t="s">
        <v>3633</v>
      </c>
      <c r="JSE1" s="216" t="s">
        <v>3633</v>
      </c>
      <c r="JSF1" s="216" t="s">
        <v>3633</v>
      </c>
      <c r="JSG1" s="216" t="s">
        <v>3633</v>
      </c>
      <c r="JSH1" s="216" t="s">
        <v>3633</v>
      </c>
      <c r="JSI1" s="216" t="s">
        <v>3633</v>
      </c>
      <c r="JSJ1" s="216" t="s">
        <v>3633</v>
      </c>
      <c r="JSK1" s="216" t="s">
        <v>3633</v>
      </c>
      <c r="JSL1" s="216" t="s">
        <v>3633</v>
      </c>
      <c r="JSM1" s="216" t="s">
        <v>3633</v>
      </c>
      <c r="JSN1" s="216" t="s">
        <v>3633</v>
      </c>
      <c r="JSO1" s="216" t="s">
        <v>3633</v>
      </c>
      <c r="JSP1" s="216" t="s">
        <v>3633</v>
      </c>
      <c r="JSQ1" s="216" t="s">
        <v>3633</v>
      </c>
      <c r="JSR1" s="216" t="s">
        <v>3633</v>
      </c>
      <c r="JSS1" s="216" t="s">
        <v>3633</v>
      </c>
      <c r="JST1" s="216" t="s">
        <v>3633</v>
      </c>
      <c r="JSU1" s="216" t="s">
        <v>3633</v>
      </c>
      <c r="JSV1" s="216" t="s">
        <v>3633</v>
      </c>
      <c r="JSW1" s="216" t="s">
        <v>3633</v>
      </c>
      <c r="JSX1" s="216" t="s">
        <v>3633</v>
      </c>
      <c r="JSY1" s="216" t="s">
        <v>3633</v>
      </c>
      <c r="JSZ1" s="216" t="s">
        <v>3633</v>
      </c>
      <c r="JTA1" s="216" t="s">
        <v>3633</v>
      </c>
      <c r="JTB1" s="216" t="s">
        <v>3633</v>
      </c>
      <c r="JTC1" s="216" t="s">
        <v>3633</v>
      </c>
      <c r="JTD1" s="216" t="s">
        <v>3633</v>
      </c>
      <c r="JTE1" s="216" t="s">
        <v>3633</v>
      </c>
      <c r="JTF1" s="216" t="s">
        <v>3633</v>
      </c>
      <c r="JTG1" s="216" t="s">
        <v>3633</v>
      </c>
      <c r="JTH1" s="216" t="s">
        <v>3633</v>
      </c>
      <c r="JTI1" s="216" t="s">
        <v>3633</v>
      </c>
      <c r="JTJ1" s="216" t="s">
        <v>3633</v>
      </c>
      <c r="JTK1" s="216" t="s">
        <v>3633</v>
      </c>
      <c r="JTL1" s="216" t="s">
        <v>3633</v>
      </c>
      <c r="JTM1" s="216" t="s">
        <v>3633</v>
      </c>
      <c r="JTN1" s="216" t="s">
        <v>3633</v>
      </c>
      <c r="JTO1" s="216" t="s">
        <v>3633</v>
      </c>
      <c r="JTP1" s="216" t="s">
        <v>3633</v>
      </c>
      <c r="JTQ1" s="216" t="s">
        <v>3633</v>
      </c>
      <c r="JTR1" s="216" t="s">
        <v>3633</v>
      </c>
      <c r="JTS1" s="216" t="s">
        <v>3633</v>
      </c>
      <c r="JTT1" s="216" t="s">
        <v>3633</v>
      </c>
      <c r="JTU1" s="216" t="s">
        <v>3633</v>
      </c>
      <c r="JTV1" s="216" t="s">
        <v>3633</v>
      </c>
      <c r="JTW1" s="216" t="s">
        <v>3633</v>
      </c>
      <c r="JTX1" s="216" t="s">
        <v>3633</v>
      </c>
      <c r="JTY1" s="216" t="s">
        <v>3633</v>
      </c>
      <c r="JTZ1" s="216" t="s">
        <v>3633</v>
      </c>
      <c r="JUA1" s="216" t="s">
        <v>3633</v>
      </c>
      <c r="JUB1" s="216" t="s">
        <v>3633</v>
      </c>
      <c r="JUC1" s="216" t="s">
        <v>3633</v>
      </c>
      <c r="JUD1" s="216" t="s">
        <v>3633</v>
      </c>
      <c r="JUE1" s="216" t="s">
        <v>3633</v>
      </c>
      <c r="JUF1" s="216" t="s">
        <v>3633</v>
      </c>
      <c r="JUG1" s="216" t="s">
        <v>3633</v>
      </c>
      <c r="JUH1" s="216" t="s">
        <v>3633</v>
      </c>
      <c r="JUI1" s="216" t="s">
        <v>3633</v>
      </c>
      <c r="JUJ1" s="216" t="s">
        <v>3633</v>
      </c>
      <c r="JUK1" s="216" t="s">
        <v>3633</v>
      </c>
      <c r="JUL1" s="216" t="s">
        <v>3633</v>
      </c>
      <c r="JUM1" s="216" t="s">
        <v>3633</v>
      </c>
      <c r="JUN1" s="216" t="s">
        <v>3633</v>
      </c>
      <c r="JUO1" s="216" t="s">
        <v>3633</v>
      </c>
      <c r="JUP1" s="216" t="s">
        <v>3633</v>
      </c>
      <c r="JUQ1" s="216" t="s">
        <v>3633</v>
      </c>
      <c r="JUR1" s="216" t="s">
        <v>3633</v>
      </c>
      <c r="JUS1" s="216" t="s">
        <v>3633</v>
      </c>
      <c r="JUT1" s="216" t="s">
        <v>3633</v>
      </c>
      <c r="JUU1" s="216" t="s">
        <v>3633</v>
      </c>
      <c r="JUV1" s="216" t="s">
        <v>3633</v>
      </c>
      <c r="JUW1" s="216" t="s">
        <v>3633</v>
      </c>
      <c r="JUX1" s="216" t="s">
        <v>3633</v>
      </c>
      <c r="JUY1" s="216" t="s">
        <v>3633</v>
      </c>
      <c r="JUZ1" s="216" t="s">
        <v>3633</v>
      </c>
      <c r="JVA1" s="216" t="s">
        <v>3633</v>
      </c>
      <c r="JVB1" s="216" t="s">
        <v>3633</v>
      </c>
      <c r="JVC1" s="216" t="s">
        <v>3633</v>
      </c>
      <c r="JVD1" s="216" t="s">
        <v>3633</v>
      </c>
      <c r="JVE1" s="216" t="s">
        <v>3633</v>
      </c>
      <c r="JVF1" s="216" t="s">
        <v>3633</v>
      </c>
      <c r="JVG1" s="216" t="s">
        <v>3633</v>
      </c>
      <c r="JVH1" s="216" t="s">
        <v>3633</v>
      </c>
      <c r="JVI1" s="216" t="s">
        <v>3633</v>
      </c>
      <c r="JVJ1" s="216" t="s">
        <v>3633</v>
      </c>
      <c r="JVK1" s="216" t="s">
        <v>3633</v>
      </c>
      <c r="JVL1" s="216" t="s">
        <v>3633</v>
      </c>
      <c r="JVM1" s="216" t="s">
        <v>3633</v>
      </c>
      <c r="JVN1" s="216" t="s">
        <v>3633</v>
      </c>
      <c r="JVO1" s="216" t="s">
        <v>3633</v>
      </c>
      <c r="JVP1" s="216" t="s">
        <v>3633</v>
      </c>
      <c r="JVQ1" s="216" t="s">
        <v>3633</v>
      </c>
      <c r="JVR1" s="216" t="s">
        <v>3633</v>
      </c>
      <c r="JVS1" s="216" t="s">
        <v>3633</v>
      </c>
      <c r="JVT1" s="216" t="s">
        <v>3633</v>
      </c>
      <c r="JVU1" s="216" t="s">
        <v>3633</v>
      </c>
      <c r="JVV1" s="216" t="s">
        <v>3633</v>
      </c>
      <c r="JVW1" s="216" t="s">
        <v>3633</v>
      </c>
      <c r="JVX1" s="216" t="s">
        <v>3633</v>
      </c>
      <c r="JVY1" s="216" t="s">
        <v>3633</v>
      </c>
      <c r="JVZ1" s="216" t="s">
        <v>3633</v>
      </c>
      <c r="JWA1" s="216" t="s">
        <v>3633</v>
      </c>
      <c r="JWB1" s="216" t="s">
        <v>3633</v>
      </c>
      <c r="JWC1" s="216" t="s">
        <v>3633</v>
      </c>
      <c r="JWD1" s="216" t="s">
        <v>3633</v>
      </c>
      <c r="JWE1" s="216" t="s">
        <v>3633</v>
      </c>
      <c r="JWF1" s="216" t="s">
        <v>3633</v>
      </c>
      <c r="JWG1" s="216" t="s">
        <v>3633</v>
      </c>
      <c r="JWH1" s="216" t="s">
        <v>3633</v>
      </c>
      <c r="JWI1" s="216" t="s">
        <v>3633</v>
      </c>
      <c r="JWJ1" s="216" t="s">
        <v>3633</v>
      </c>
      <c r="JWK1" s="216" t="s">
        <v>3633</v>
      </c>
      <c r="JWL1" s="216" t="s">
        <v>3633</v>
      </c>
      <c r="JWM1" s="216" t="s">
        <v>3633</v>
      </c>
      <c r="JWN1" s="216" t="s">
        <v>3633</v>
      </c>
      <c r="JWO1" s="216" t="s">
        <v>3633</v>
      </c>
      <c r="JWP1" s="216" t="s">
        <v>3633</v>
      </c>
      <c r="JWQ1" s="216" t="s">
        <v>3633</v>
      </c>
      <c r="JWR1" s="216" t="s">
        <v>3633</v>
      </c>
      <c r="JWS1" s="216" t="s">
        <v>3633</v>
      </c>
      <c r="JWT1" s="216" t="s">
        <v>3633</v>
      </c>
      <c r="JWU1" s="216" t="s">
        <v>3633</v>
      </c>
      <c r="JWV1" s="216" t="s">
        <v>3633</v>
      </c>
      <c r="JWW1" s="216" t="s">
        <v>3633</v>
      </c>
      <c r="JWX1" s="216" t="s">
        <v>3633</v>
      </c>
      <c r="JWY1" s="216" t="s">
        <v>3633</v>
      </c>
      <c r="JWZ1" s="216" t="s">
        <v>3633</v>
      </c>
      <c r="JXA1" s="216" t="s">
        <v>3633</v>
      </c>
      <c r="JXB1" s="216" t="s">
        <v>3633</v>
      </c>
      <c r="JXC1" s="216" t="s">
        <v>3633</v>
      </c>
      <c r="JXD1" s="216" t="s">
        <v>3633</v>
      </c>
      <c r="JXE1" s="216" t="s">
        <v>3633</v>
      </c>
      <c r="JXF1" s="216" t="s">
        <v>3633</v>
      </c>
      <c r="JXG1" s="216" t="s">
        <v>3633</v>
      </c>
      <c r="JXH1" s="216" t="s">
        <v>3633</v>
      </c>
      <c r="JXI1" s="216" t="s">
        <v>3633</v>
      </c>
      <c r="JXJ1" s="216" t="s">
        <v>3633</v>
      </c>
      <c r="JXK1" s="216" t="s">
        <v>3633</v>
      </c>
      <c r="JXL1" s="216" t="s">
        <v>3633</v>
      </c>
      <c r="JXM1" s="216" t="s">
        <v>3633</v>
      </c>
      <c r="JXN1" s="216" t="s">
        <v>3633</v>
      </c>
      <c r="JXO1" s="216" t="s">
        <v>3633</v>
      </c>
      <c r="JXP1" s="216" t="s">
        <v>3633</v>
      </c>
      <c r="JXQ1" s="216" t="s">
        <v>3633</v>
      </c>
      <c r="JXR1" s="216" t="s">
        <v>3633</v>
      </c>
      <c r="JXS1" s="216" t="s">
        <v>3633</v>
      </c>
      <c r="JXT1" s="216" t="s">
        <v>3633</v>
      </c>
      <c r="JXU1" s="216" t="s">
        <v>3633</v>
      </c>
      <c r="JXV1" s="216" t="s">
        <v>3633</v>
      </c>
      <c r="JXW1" s="216" t="s">
        <v>3633</v>
      </c>
      <c r="JXX1" s="216" t="s">
        <v>3633</v>
      </c>
      <c r="JXY1" s="216" t="s">
        <v>3633</v>
      </c>
      <c r="JXZ1" s="216" t="s">
        <v>3633</v>
      </c>
      <c r="JYA1" s="216" t="s">
        <v>3633</v>
      </c>
      <c r="JYB1" s="216" t="s">
        <v>3633</v>
      </c>
      <c r="JYC1" s="216" t="s">
        <v>3633</v>
      </c>
      <c r="JYD1" s="216" t="s">
        <v>3633</v>
      </c>
      <c r="JYE1" s="216" t="s">
        <v>3633</v>
      </c>
      <c r="JYF1" s="216" t="s">
        <v>3633</v>
      </c>
      <c r="JYG1" s="216" t="s">
        <v>3633</v>
      </c>
      <c r="JYH1" s="216" t="s">
        <v>3633</v>
      </c>
      <c r="JYI1" s="216" t="s">
        <v>3633</v>
      </c>
      <c r="JYJ1" s="216" t="s">
        <v>3633</v>
      </c>
      <c r="JYK1" s="216" t="s">
        <v>3633</v>
      </c>
      <c r="JYL1" s="216" t="s">
        <v>3633</v>
      </c>
      <c r="JYM1" s="216" t="s">
        <v>3633</v>
      </c>
      <c r="JYN1" s="216" t="s">
        <v>3633</v>
      </c>
      <c r="JYO1" s="216" t="s">
        <v>3633</v>
      </c>
      <c r="JYP1" s="216" t="s">
        <v>3633</v>
      </c>
      <c r="JYQ1" s="216" t="s">
        <v>3633</v>
      </c>
      <c r="JYR1" s="216" t="s">
        <v>3633</v>
      </c>
      <c r="JYS1" s="216" t="s">
        <v>3633</v>
      </c>
      <c r="JYT1" s="216" t="s">
        <v>3633</v>
      </c>
      <c r="JYU1" s="216" t="s">
        <v>3633</v>
      </c>
      <c r="JYV1" s="216" t="s">
        <v>3633</v>
      </c>
      <c r="JYW1" s="216" t="s">
        <v>3633</v>
      </c>
      <c r="JYX1" s="216" t="s">
        <v>3633</v>
      </c>
      <c r="JYY1" s="216" t="s">
        <v>3633</v>
      </c>
      <c r="JYZ1" s="216" t="s">
        <v>3633</v>
      </c>
      <c r="JZA1" s="216" t="s">
        <v>3633</v>
      </c>
      <c r="JZB1" s="216" t="s">
        <v>3633</v>
      </c>
      <c r="JZC1" s="216" t="s">
        <v>3633</v>
      </c>
      <c r="JZD1" s="216" t="s">
        <v>3633</v>
      </c>
      <c r="JZE1" s="216" t="s">
        <v>3633</v>
      </c>
      <c r="JZF1" s="216" t="s">
        <v>3633</v>
      </c>
      <c r="JZG1" s="216" t="s">
        <v>3633</v>
      </c>
      <c r="JZH1" s="216" t="s">
        <v>3633</v>
      </c>
      <c r="JZI1" s="216" t="s">
        <v>3633</v>
      </c>
      <c r="JZJ1" s="216" t="s">
        <v>3633</v>
      </c>
      <c r="JZK1" s="216" t="s">
        <v>3633</v>
      </c>
      <c r="JZL1" s="216" t="s">
        <v>3633</v>
      </c>
      <c r="JZM1" s="216" t="s">
        <v>3633</v>
      </c>
      <c r="JZN1" s="216" t="s">
        <v>3633</v>
      </c>
      <c r="JZO1" s="216" t="s">
        <v>3633</v>
      </c>
      <c r="JZP1" s="216" t="s">
        <v>3633</v>
      </c>
      <c r="JZQ1" s="216" t="s">
        <v>3633</v>
      </c>
      <c r="JZR1" s="216" t="s">
        <v>3633</v>
      </c>
      <c r="JZS1" s="216" t="s">
        <v>3633</v>
      </c>
      <c r="JZT1" s="216" t="s">
        <v>3633</v>
      </c>
      <c r="JZU1" s="216" t="s">
        <v>3633</v>
      </c>
      <c r="JZV1" s="216" t="s">
        <v>3633</v>
      </c>
      <c r="JZW1" s="216" t="s">
        <v>3633</v>
      </c>
      <c r="JZX1" s="216" t="s">
        <v>3633</v>
      </c>
      <c r="JZY1" s="216" t="s">
        <v>3633</v>
      </c>
      <c r="JZZ1" s="216" t="s">
        <v>3633</v>
      </c>
      <c r="KAA1" s="216" t="s">
        <v>3633</v>
      </c>
      <c r="KAB1" s="216" t="s">
        <v>3633</v>
      </c>
      <c r="KAC1" s="216" t="s">
        <v>3633</v>
      </c>
      <c r="KAD1" s="216" t="s">
        <v>3633</v>
      </c>
      <c r="KAE1" s="216" t="s">
        <v>3633</v>
      </c>
      <c r="KAF1" s="216" t="s">
        <v>3633</v>
      </c>
      <c r="KAG1" s="216" t="s">
        <v>3633</v>
      </c>
      <c r="KAH1" s="216" t="s">
        <v>3633</v>
      </c>
      <c r="KAI1" s="216" t="s">
        <v>3633</v>
      </c>
      <c r="KAJ1" s="216" t="s">
        <v>3633</v>
      </c>
      <c r="KAK1" s="216" t="s">
        <v>3633</v>
      </c>
      <c r="KAL1" s="216" t="s">
        <v>3633</v>
      </c>
      <c r="KAM1" s="216" t="s">
        <v>3633</v>
      </c>
      <c r="KAN1" s="216" t="s">
        <v>3633</v>
      </c>
      <c r="KAO1" s="216" t="s">
        <v>3633</v>
      </c>
      <c r="KAP1" s="216" t="s">
        <v>3633</v>
      </c>
      <c r="KAQ1" s="216" t="s">
        <v>3633</v>
      </c>
      <c r="KAR1" s="216" t="s">
        <v>3633</v>
      </c>
      <c r="KAS1" s="216" t="s">
        <v>3633</v>
      </c>
      <c r="KAT1" s="216" t="s">
        <v>3633</v>
      </c>
      <c r="KAU1" s="216" t="s">
        <v>3633</v>
      </c>
      <c r="KAV1" s="216" t="s">
        <v>3633</v>
      </c>
      <c r="KAW1" s="216" t="s">
        <v>3633</v>
      </c>
      <c r="KAX1" s="216" t="s">
        <v>3633</v>
      </c>
      <c r="KAY1" s="216" t="s">
        <v>3633</v>
      </c>
      <c r="KAZ1" s="216" t="s">
        <v>3633</v>
      </c>
      <c r="KBA1" s="216" t="s">
        <v>3633</v>
      </c>
      <c r="KBB1" s="216" t="s">
        <v>3633</v>
      </c>
      <c r="KBC1" s="216" t="s">
        <v>3633</v>
      </c>
      <c r="KBD1" s="216" t="s">
        <v>3633</v>
      </c>
      <c r="KBE1" s="216" t="s">
        <v>3633</v>
      </c>
      <c r="KBF1" s="216" t="s">
        <v>3633</v>
      </c>
      <c r="KBG1" s="216" t="s">
        <v>3633</v>
      </c>
      <c r="KBH1" s="216" t="s">
        <v>3633</v>
      </c>
      <c r="KBI1" s="216" t="s">
        <v>3633</v>
      </c>
      <c r="KBJ1" s="216" t="s">
        <v>3633</v>
      </c>
      <c r="KBK1" s="216" t="s">
        <v>3633</v>
      </c>
      <c r="KBL1" s="216" t="s">
        <v>3633</v>
      </c>
      <c r="KBM1" s="216" t="s">
        <v>3633</v>
      </c>
      <c r="KBN1" s="216" t="s">
        <v>3633</v>
      </c>
      <c r="KBO1" s="216" t="s">
        <v>3633</v>
      </c>
      <c r="KBP1" s="216" t="s">
        <v>3633</v>
      </c>
      <c r="KBQ1" s="216" t="s">
        <v>3633</v>
      </c>
      <c r="KBR1" s="216" t="s">
        <v>3633</v>
      </c>
      <c r="KBS1" s="216" t="s">
        <v>3633</v>
      </c>
      <c r="KBT1" s="216" t="s">
        <v>3633</v>
      </c>
      <c r="KBU1" s="216" t="s">
        <v>3633</v>
      </c>
      <c r="KBV1" s="216" t="s">
        <v>3633</v>
      </c>
      <c r="KBW1" s="216" t="s">
        <v>3633</v>
      </c>
      <c r="KBX1" s="216" t="s">
        <v>3633</v>
      </c>
      <c r="KBY1" s="216" t="s">
        <v>3633</v>
      </c>
      <c r="KBZ1" s="216" t="s">
        <v>3633</v>
      </c>
      <c r="KCA1" s="216" t="s">
        <v>3633</v>
      </c>
      <c r="KCB1" s="216" t="s">
        <v>3633</v>
      </c>
      <c r="KCC1" s="216" t="s">
        <v>3633</v>
      </c>
      <c r="KCD1" s="216" t="s">
        <v>3633</v>
      </c>
      <c r="KCE1" s="216" t="s">
        <v>3633</v>
      </c>
      <c r="KCF1" s="216" t="s">
        <v>3633</v>
      </c>
      <c r="KCG1" s="216" t="s">
        <v>3633</v>
      </c>
      <c r="KCH1" s="216" t="s">
        <v>3633</v>
      </c>
      <c r="KCI1" s="216" t="s">
        <v>3633</v>
      </c>
      <c r="KCJ1" s="216" t="s">
        <v>3633</v>
      </c>
      <c r="KCK1" s="216" t="s">
        <v>3633</v>
      </c>
      <c r="KCL1" s="216" t="s">
        <v>3633</v>
      </c>
      <c r="KCM1" s="216" t="s">
        <v>3633</v>
      </c>
      <c r="KCN1" s="216" t="s">
        <v>3633</v>
      </c>
      <c r="KCO1" s="216" t="s">
        <v>3633</v>
      </c>
      <c r="KCP1" s="216" t="s">
        <v>3633</v>
      </c>
      <c r="KCQ1" s="216" t="s">
        <v>3633</v>
      </c>
      <c r="KCR1" s="216" t="s">
        <v>3633</v>
      </c>
      <c r="KCS1" s="216" t="s">
        <v>3633</v>
      </c>
      <c r="KCT1" s="216" t="s">
        <v>3633</v>
      </c>
      <c r="KCU1" s="216" t="s">
        <v>3633</v>
      </c>
      <c r="KCV1" s="216" t="s">
        <v>3633</v>
      </c>
      <c r="KCW1" s="216" t="s">
        <v>3633</v>
      </c>
      <c r="KCX1" s="216" t="s">
        <v>3633</v>
      </c>
      <c r="KCY1" s="216" t="s">
        <v>3633</v>
      </c>
      <c r="KCZ1" s="216" t="s">
        <v>3633</v>
      </c>
      <c r="KDA1" s="216" t="s">
        <v>3633</v>
      </c>
      <c r="KDB1" s="216" t="s">
        <v>3633</v>
      </c>
      <c r="KDC1" s="216" t="s">
        <v>3633</v>
      </c>
      <c r="KDD1" s="216" t="s">
        <v>3633</v>
      </c>
      <c r="KDE1" s="216" t="s">
        <v>3633</v>
      </c>
      <c r="KDF1" s="216" t="s">
        <v>3633</v>
      </c>
      <c r="KDG1" s="216" t="s">
        <v>3633</v>
      </c>
      <c r="KDH1" s="216" t="s">
        <v>3633</v>
      </c>
      <c r="KDI1" s="216" t="s">
        <v>3633</v>
      </c>
      <c r="KDJ1" s="216" t="s">
        <v>3633</v>
      </c>
      <c r="KDK1" s="216" t="s">
        <v>3633</v>
      </c>
      <c r="KDL1" s="216" t="s">
        <v>3633</v>
      </c>
      <c r="KDM1" s="216" t="s">
        <v>3633</v>
      </c>
      <c r="KDN1" s="216" t="s">
        <v>3633</v>
      </c>
      <c r="KDO1" s="216" t="s">
        <v>3633</v>
      </c>
      <c r="KDP1" s="216" t="s">
        <v>3633</v>
      </c>
      <c r="KDQ1" s="216" t="s">
        <v>3633</v>
      </c>
      <c r="KDR1" s="216" t="s">
        <v>3633</v>
      </c>
      <c r="KDS1" s="216" t="s">
        <v>3633</v>
      </c>
      <c r="KDT1" s="216" t="s">
        <v>3633</v>
      </c>
      <c r="KDU1" s="216" t="s">
        <v>3633</v>
      </c>
      <c r="KDV1" s="216" t="s">
        <v>3633</v>
      </c>
      <c r="KDW1" s="216" t="s">
        <v>3633</v>
      </c>
      <c r="KDX1" s="216" t="s">
        <v>3633</v>
      </c>
      <c r="KDY1" s="216" t="s">
        <v>3633</v>
      </c>
      <c r="KDZ1" s="216" t="s">
        <v>3633</v>
      </c>
      <c r="KEA1" s="216" t="s">
        <v>3633</v>
      </c>
      <c r="KEB1" s="216" t="s">
        <v>3633</v>
      </c>
      <c r="KEC1" s="216" t="s">
        <v>3633</v>
      </c>
      <c r="KED1" s="216" t="s">
        <v>3633</v>
      </c>
      <c r="KEE1" s="216" t="s">
        <v>3633</v>
      </c>
      <c r="KEF1" s="216" t="s">
        <v>3633</v>
      </c>
      <c r="KEG1" s="216" t="s">
        <v>3633</v>
      </c>
      <c r="KEH1" s="216" t="s">
        <v>3633</v>
      </c>
      <c r="KEI1" s="216" t="s">
        <v>3633</v>
      </c>
      <c r="KEJ1" s="216" t="s">
        <v>3633</v>
      </c>
      <c r="KEK1" s="216" t="s">
        <v>3633</v>
      </c>
      <c r="KEL1" s="216" t="s">
        <v>3633</v>
      </c>
      <c r="KEM1" s="216" t="s">
        <v>3633</v>
      </c>
      <c r="KEN1" s="216" t="s">
        <v>3633</v>
      </c>
      <c r="KEO1" s="216" t="s">
        <v>3633</v>
      </c>
      <c r="KEP1" s="216" t="s">
        <v>3633</v>
      </c>
      <c r="KEQ1" s="216" t="s">
        <v>3633</v>
      </c>
      <c r="KER1" s="216" t="s">
        <v>3633</v>
      </c>
      <c r="KES1" s="216" t="s">
        <v>3633</v>
      </c>
      <c r="KET1" s="216" t="s">
        <v>3633</v>
      </c>
      <c r="KEU1" s="216" t="s">
        <v>3633</v>
      </c>
      <c r="KEV1" s="216" t="s">
        <v>3633</v>
      </c>
      <c r="KEW1" s="216" t="s">
        <v>3633</v>
      </c>
      <c r="KEX1" s="216" t="s">
        <v>3633</v>
      </c>
      <c r="KEY1" s="216" t="s">
        <v>3633</v>
      </c>
      <c r="KEZ1" s="216" t="s">
        <v>3633</v>
      </c>
      <c r="KFA1" s="216" t="s">
        <v>3633</v>
      </c>
      <c r="KFB1" s="216" t="s">
        <v>3633</v>
      </c>
      <c r="KFC1" s="216" t="s">
        <v>3633</v>
      </c>
      <c r="KFD1" s="216" t="s">
        <v>3633</v>
      </c>
      <c r="KFE1" s="216" t="s">
        <v>3633</v>
      </c>
      <c r="KFF1" s="216" t="s">
        <v>3633</v>
      </c>
      <c r="KFG1" s="216" t="s">
        <v>3633</v>
      </c>
      <c r="KFH1" s="216" t="s">
        <v>3633</v>
      </c>
      <c r="KFI1" s="216" t="s">
        <v>3633</v>
      </c>
      <c r="KFJ1" s="216" t="s">
        <v>3633</v>
      </c>
      <c r="KFK1" s="216" t="s">
        <v>3633</v>
      </c>
      <c r="KFL1" s="216" t="s">
        <v>3633</v>
      </c>
      <c r="KFM1" s="216" t="s">
        <v>3633</v>
      </c>
      <c r="KFN1" s="216" t="s">
        <v>3633</v>
      </c>
      <c r="KFO1" s="216" t="s">
        <v>3633</v>
      </c>
      <c r="KFP1" s="216" t="s">
        <v>3633</v>
      </c>
      <c r="KFQ1" s="216" t="s">
        <v>3633</v>
      </c>
      <c r="KFR1" s="216" t="s">
        <v>3633</v>
      </c>
      <c r="KFS1" s="216" t="s">
        <v>3633</v>
      </c>
      <c r="KFT1" s="216" t="s">
        <v>3633</v>
      </c>
      <c r="KFU1" s="216" t="s">
        <v>3633</v>
      </c>
      <c r="KFV1" s="216" t="s">
        <v>3633</v>
      </c>
      <c r="KFW1" s="216" t="s">
        <v>3633</v>
      </c>
      <c r="KFX1" s="216" t="s">
        <v>3633</v>
      </c>
      <c r="KFY1" s="216" t="s">
        <v>3633</v>
      </c>
      <c r="KFZ1" s="216" t="s">
        <v>3633</v>
      </c>
      <c r="KGA1" s="216" t="s">
        <v>3633</v>
      </c>
      <c r="KGB1" s="216" t="s">
        <v>3633</v>
      </c>
      <c r="KGC1" s="216" t="s">
        <v>3633</v>
      </c>
      <c r="KGD1" s="216" t="s">
        <v>3633</v>
      </c>
      <c r="KGE1" s="216" t="s">
        <v>3633</v>
      </c>
      <c r="KGF1" s="216" t="s">
        <v>3633</v>
      </c>
      <c r="KGG1" s="216" t="s">
        <v>3633</v>
      </c>
      <c r="KGH1" s="216" t="s">
        <v>3633</v>
      </c>
      <c r="KGI1" s="216" t="s">
        <v>3633</v>
      </c>
      <c r="KGJ1" s="216" t="s">
        <v>3633</v>
      </c>
      <c r="KGK1" s="216" t="s">
        <v>3633</v>
      </c>
      <c r="KGL1" s="216" t="s">
        <v>3633</v>
      </c>
      <c r="KGM1" s="216" t="s">
        <v>3633</v>
      </c>
      <c r="KGN1" s="216" t="s">
        <v>3633</v>
      </c>
      <c r="KGO1" s="216" t="s">
        <v>3633</v>
      </c>
      <c r="KGP1" s="216" t="s">
        <v>3633</v>
      </c>
      <c r="KGQ1" s="216" t="s">
        <v>3633</v>
      </c>
      <c r="KGR1" s="216" t="s">
        <v>3633</v>
      </c>
      <c r="KGS1" s="216" t="s">
        <v>3633</v>
      </c>
      <c r="KGT1" s="216" t="s">
        <v>3633</v>
      </c>
      <c r="KGU1" s="216" t="s">
        <v>3633</v>
      </c>
      <c r="KGV1" s="216" t="s">
        <v>3633</v>
      </c>
      <c r="KGW1" s="216" t="s">
        <v>3633</v>
      </c>
      <c r="KGX1" s="216" t="s">
        <v>3633</v>
      </c>
      <c r="KGY1" s="216" t="s">
        <v>3633</v>
      </c>
      <c r="KGZ1" s="216" t="s">
        <v>3633</v>
      </c>
      <c r="KHA1" s="216" t="s">
        <v>3633</v>
      </c>
      <c r="KHB1" s="216" t="s">
        <v>3633</v>
      </c>
      <c r="KHC1" s="216" t="s">
        <v>3633</v>
      </c>
      <c r="KHD1" s="216" t="s">
        <v>3633</v>
      </c>
      <c r="KHE1" s="216" t="s">
        <v>3633</v>
      </c>
      <c r="KHF1" s="216" t="s">
        <v>3633</v>
      </c>
      <c r="KHG1" s="216" t="s">
        <v>3633</v>
      </c>
      <c r="KHH1" s="216" t="s">
        <v>3633</v>
      </c>
      <c r="KHI1" s="216" t="s">
        <v>3633</v>
      </c>
      <c r="KHJ1" s="216" t="s">
        <v>3633</v>
      </c>
      <c r="KHK1" s="216" t="s">
        <v>3633</v>
      </c>
      <c r="KHL1" s="216" t="s">
        <v>3633</v>
      </c>
      <c r="KHM1" s="216" t="s">
        <v>3633</v>
      </c>
      <c r="KHN1" s="216" t="s">
        <v>3633</v>
      </c>
      <c r="KHO1" s="216" t="s">
        <v>3633</v>
      </c>
      <c r="KHP1" s="216" t="s">
        <v>3633</v>
      </c>
      <c r="KHQ1" s="216" t="s">
        <v>3633</v>
      </c>
      <c r="KHR1" s="216" t="s">
        <v>3633</v>
      </c>
      <c r="KHS1" s="216" t="s">
        <v>3633</v>
      </c>
      <c r="KHT1" s="216" t="s">
        <v>3633</v>
      </c>
      <c r="KHU1" s="216" t="s">
        <v>3633</v>
      </c>
      <c r="KHV1" s="216" t="s">
        <v>3633</v>
      </c>
      <c r="KHW1" s="216" t="s">
        <v>3633</v>
      </c>
      <c r="KHX1" s="216" t="s">
        <v>3633</v>
      </c>
      <c r="KHY1" s="216" t="s">
        <v>3633</v>
      </c>
      <c r="KHZ1" s="216" t="s">
        <v>3633</v>
      </c>
      <c r="KIA1" s="216" t="s">
        <v>3633</v>
      </c>
      <c r="KIB1" s="216" t="s">
        <v>3633</v>
      </c>
      <c r="KIC1" s="216" t="s">
        <v>3633</v>
      </c>
      <c r="KID1" s="216" t="s">
        <v>3633</v>
      </c>
      <c r="KIE1" s="216" t="s">
        <v>3633</v>
      </c>
      <c r="KIF1" s="216" t="s">
        <v>3633</v>
      </c>
      <c r="KIG1" s="216" t="s">
        <v>3633</v>
      </c>
      <c r="KIH1" s="216" t="s">
        <v>3633</v>
      </c>
      <c r="KII1" s="216" t="s">
        <v>3633</v>
      </c>
      <c r="KIJ1" s="216" t="s">
        <v>3633</v>
      </c>
      <c r="KIK1" s="216" t="s">
        <v>3633</v>
      </c>
      <c r="KIL1" s="216" t="s">
        <v>3633</v>
      </c>
      <c r="KIM1" s="216" t="s">
        <v>3633</v>
      </c>
      <c r="KIN1" s="216" t="s">
        <v>3633</v>
      </c>
      <c r="KIO1" s="216" t="s">
        <v>3633</v>
      </c>
      <c r="KIP1" s="216" t="s">
        <v>3633</v>
      </c>
      <c r="KIQ1" s="216" t="s">
        <v>3633</v>
      </c>
      <c r="KIR1" s="216" t="s">
        <v>3633</v>
      </c>
      <c r="KIS1" s="216" t="s">
        <v>3633</v>
      </c>
      <c r="KIT1" s="216" t="s">
        <v>3633</v>
      </c>
      <c r="KIU1" s="216" t="s">
        <v>3633</v>
      </c>
      <c r="KIV1" s="216" t="s">
        <v>3633</v>
      </c>
      <c r="KIW1" s="216" t="s">
        <v>3633</v>
      </c>
      <c r="KIX1" s="216" t="s">
        <v>3633</v>
      </c>
      <c r="KIY1" s="216" t="s">
        <v>3633</v>
      </c>
      <c r="KIZ1" s="216" t="s">
        <v>3633</v>
      </c>
      <c r="KJA1" s="216" t="s">
        <v>3633</v>
      </c>
      <c r="KJB1" s="216" t="s">
        <v>3633</v>
      </c>
      <c r="KJC1" s="216" t="s">
        <v>3633</v>
      </c>
      <c r="KJD1" s="216" t="s">
        <v>3633</v>
      </c>
      <c r="KJE1" s="216" t="s">
        <v>3633</v>
      </c>
      <c r="KJF1" s="216" t="s">
        <v>3633</v>
      </c>
      <c r="KJG1" s="216" t="s">
        <v>3633</v>
      </c>
      <c r="KJH1" s="216" t="s">
        <v>3633</v>
      </c>
      <c r="KJI1" s="216" t="s">
        <v>3633</v>
      </c>
      <c r="KJJ1" s="216" t="s">
        <v>3633</v>
      </c>
      <c r="KJK1" s="216" t="s">
        <v>3633</v>
      </c>
      <c r="KJL1" s="216" t="s">
        <v>3633</v>
      </c>
      <c r="KJM1" s="216" t="s">
        <v>3633</v>
      </c>
      <c r="KJN1" s="216" t="s">
        <v>3633</v>
      </c>
      <c r="KJO1" s="216" t="s">
        <v>3633</v>
      </c>
      <c r="KJP1" s="216" t="s">
        <v>3633</v>
      </c>
      <c r="KJQ1" s="216" t="s">
        <v>3633</v>
      </c>
      <c r="KJR1" s="216" t="s">
        <v>3633</v>
      </c>
      <c r="KJS1" s="216" t="s">
        <v>3633</v>
      </c>
      <c r="KJT1" s="216" t="s">
        <v>3633</v>
      </c>
      <c r="KJU1" s="216" t="s">
        <v>3633</v>
      </c>
      <c r="KJV1" s="216" t="s">
        <v>3633</v>
      </c>
      <c r="KJW1" s="216" t="s">
        <v>3633</v>
      </c>
      <c r="KJX1" s="216" t="s">
        <v>3633</v>
      </c>
      <c r="KJY1" s="216" t="s">
        <v>3633</v>
      </c>
      <c r="KJZ1" s="216" t="s">
        <v>3633</v>
      </c>
      <c r="KKA1" s="216" t="s">
        <v>3633</v>
      </c>
      <c r="KKB1" s="216" t="s">
        <v>3633</v>
      </c>
      <c r="KKC1" s="216" t="s">
        <v>3633</v>
      </c>
      <c r="KKD1" s="216" t="s">
        <v>3633</v>
      </c>
      <c r="KKE1" s="216" t="s">
        <v>3633</v>
      </c>
      <c r="KKF1" s="216" t="s">
        <v>3633</v>
      </c>
      <c r="KKG1" s="216" t="s">
        <v>3633</v>
      </c>
      <c r="KKH1" s="216" t="s">
        <v>3633</v>
      </c>
      <c r="KKI1" s="216" t="s">
        <v>3633</v>
      </c>
      <c r="KKJ1" s="216" t="s">
        <v>3633</v>
      </c>
      <c r="KKK1" s="216" t="s">
        <v>3633</v>
      </c>
      <c r="KKL1" s="216" t="s">
        <v>3633</v>
      </c>
      <c r="KKM1" s="216" t="s">
        <v>3633</v>
      </c>
      <c r="KKN1" s="216" t="s">
        <v>3633</v>
      </c>
      <c r="KKO1" s="216" t="s">
        <v>3633</v>
      </c>
      <c r="KKP1" s="216" t="s">
        <v>3633</v>
      </c>
      <c r="KKQ1" s="216" t="s">
        <v>3633</v>
      </c>
      <c r="KKR1" s="216" t="s">
        <v>3633</v>
      </c>
      <c r="KKS1" s="216" t="s">
        <v>3633</v>
      </c>
      <c r="KKT1" s="216" t="s">
        <v>3633</v>
      </c>
      <c r="KKU1" s="216" t="s">
        <v>3633</v>
      </c>
      <c r="KKV1" s="216" t="s">
        <v>3633</v>
      </c>
      <c r="KKW1" s="216" t="s">
        <v>3633</v>
      </c>
      <c r="KKX1" s="216" t="s">
        <v>3633</v>
      </c>
      <c r="KKY1" s="216" t="s">
        <v>3633</v>
      </c>
      <c r="KKZ1" s="216" t="s">
        <v>3633</v>
      </c>
      <c r="KLA1" s="216" t="s">
        <v>3633</v>
      </c>
      <c r="KLB1" s="216" t="s">
        <v>3633</v>
      </c>
      <c r="KLC1" s="216" t="s">
        <v>3633</v>
      </c>
      <c r="KLD1" s="216" t="s">
        <v>3633</v>
      </c>
      <c r="KLE1" s="216" t="s">
        <v>3633</v>
      </c>
      <c r="KLF1" s="216" t="s">
        <v>3633</v>
      </c>
      <c r="KLG1" s="216" t="s">
        <v>3633</v>
      </c>
      <c r="KLH1" s="216" t="s">
        <v>3633</v>
      </c>
      <c r="KLI1" s="216" t="s">
        <v>3633</v>
      </c>
      <c r="KLJ1" s="216" t="s">
        <v>3633</v>
      </c>
      <c r="KLK1" s="216" t="s">
        <v>3633</v>
      </c>
      <c r="KLL1" s="216" t="s">
        <v>3633</v>
      </c>
      <c r="KLM1" s="216" t="s">
        <v>3633</v>
      </c>
      <c r="KLN1" s="216" t="s">
        <v>3633</v>
      </c>
      <c r="KLO1" s="216" t="s">
        <v>3633</v>
      </c>
      <c r="KLP1" s="216" t="s">
        <v>3633</v>
      </c>
      <c r="KLQ1" s="216" t="s">
        <v>3633</v>
      </c>
      <c r="KLR1" s="216" t="s">
        <v>3633</v>
      </c>
      <c r="KLS1" s="216" t="s">
        <v>3633</v>
      </c>
      <c r="KLT1" s="216" t="s">
        <v>3633</v>
      </c>
      <c r="KLU1" s="216" t="s">
        <v>3633</v>
      </c>
      <c r="KLV1" s="216" t="s">
        <v>3633</v>
      </c>
      <c r="KLW1" s="216" t="s">
        <v>3633</v>
      </c>
      <c r="KLX1" s="216" t="s">
        <v>3633</v>
      </c>
      <c r="KLY1" s="216" t="s">
        <v>3633</v>
      </c>
      <c r="KLZ1" s="216" t="s">
        <v>3633</v>
      </c>
      <c r="KMA1" s="216" t="s">
        <v>3633</v>
      </c>
      <c r="KMB1" s="216" t="s">
        <v>3633</v>
      </c>
      <c r="KMC1" s="216" t="s">
        <v>3633</v>
      </c>
      <c r="KMD1" s="216" t="s">
        <v>3633</v>
      </c>
      <c r="KME1" s="216" t="s">
        <v>3633</v>
      </c>
      <c r="KMF1" s="216" t="s">
        <v>3633</v>
      </c>
      <c r="KMG1" s="216" t="s">
        <v>3633</v>
      </c>
      <c r="KMH1" s="216" t="s">
        <v>3633</v>
      </c>
      <c r="KMI1" s="216" t="s">
        <v>3633</v>
      </c>
      <c r="KMJ1" s="216" t="s">
        <v>3633</v>
      </c>
      <c r="KMK1" s="216" t="s">
        <v>3633</v>
      </c>
      <c r="KML1" s="216" t="s">
        <v>3633</v>
      </c>
      <c r="KMM1" s="216" t="s">
        <v>3633</v>
      </c>
      <c r="KMN1" s="216" t="s">
        <v>3633</v>
      </c>
      <c r="KMO1" s="216" t="s">
        <v>3633</v>
      </c>
      <c r="KMP1" s="216" t="s">
        <v>3633</v>
      </c>
      <c r="KMQ1" s="216" t="s">
        <v>3633</v>
      </c>
      <c r="KMR1" s="216" t="s">
        <v>3633</v>
      </c>
      <c r="KMS1" s="216" t="s">
        <v>3633</v>
      </c>
      <c r="KMT1" s="216" t="s">
        <v>3633</v>
      </c>
      <c r="KMU1" s="216" t="s">
        <v>3633</v>
      </c>
      <c r="KMV1" s="216" t="s">
        <v>3633</v>
      </c>
      <c r="KMW1" s="216" t="s">
        <v>3633</v>
      </c>
      <c r="KMX1" s="216" t="s">
        <v>3633</v>
      </c>
      <c r="KMY1" s="216" t="s">
        <v>3633</v>
      </c>
      <c r="KMZ1" s="216" t="s">
        <v>3633</v>
      </c>
      <c r="KNA1" s="216" t="s">
        <v>3633</v>
      </c>
      <c r="KNB1" s="216" t="s">
        <v>3633</v>
      </c>
      <c r="KNC1" s="216" t="s">
        <v>3633</v>
      </c>
      <c r="KND1" s="216" t="s">
        <v>3633</v>
      </c>
      <c r="KNE1" s="216" t="s">
        <v>3633</v>
      </c>
      <c r="KNF1" s="216" t="s">
        <v>3633</v>
      </c>
      <c r="KNG1" s="216" t="s">
        <v>3633</v>
      </c>
      <c r="KNH1" s="216" t="s">
        <v>3633</v>
      </c>
      <c r="KNI1" s="216" t="s">
        <v>3633</v>
      </c>
      <c r="KNJ1" s="216" t="s">
        <v>3633</v>
      </c>
      <c r="KNK1" s="216" t="s">
        <v>3633</v>
      </c>
      <c r="KNL1" s="216" t="s">
        <v>3633</v>
      </c>
      <c r="KNM1" s="216" t="s">
        <v>3633</v>
      </c>
      <c r="KNN1" s="216" t="s">
        <v>3633</v>
      </c>
      <c r="KNO1" s="216" t="s">
        <v>3633</v>
      </c>
      <c r="KNP1" s="216" t="s">
        <v>3633</v>
      </c>
      <c r="KNQ1" s="216" t="s">
        <v>3633</v>
      </c>
      <c r="KNR1" s="216" t="s">
        <v>3633</v>
      </c>
      <c r="KNS1" s="216" t="s">
        <v>3633</v>
      </c>
      <c r="KNT1" s="216" t="s">
        <v>3633</v>
      </c>
      <c r="KNU1" s="216" t="s">
        <v>3633</v>
      </c>
      <c r="KNV1" s="216" t="s">
        <v>3633</v>
      </c>
      <c r="KNW1" s="216" t="s">
        <v>3633</v>
      </c>
      <c r="KNX1" s="216" t="s">
        <v>3633</v>
      </c>
      <c r="KNY1" s="216" t="s">
        <v>3633</v>
      </c>
      <c r="KNZ1" s="216" t="s">
        <v>3633</v>
      </c>
      <c r="KOA1" s="216" t="s">
        <v>3633</v>
      </c>
      <c r="KOB1" s="216" t="s">
        <v>3633</v>
      </c>
      <c r="KOC1" s="216" t="s">
        <v>3633</v>
      </c>
      <c r="KOD1" s="216" t="s">
        <v>3633</v>
      </c>
      <c r="KOE1" s="216" t="s">
        <v>3633</v>
      </c>
      <c r="KOF1" s="216" t="s">
        <v>3633</v>
      </c>
      <c r="KOG1" s="216" t="s">
        <v>3633</v>
      </c>
      <c r="KOH1" s="216" t="s">
        <v>3633</v>
      </c>
      <c r="KOI1" s="216" t="s">
        <v>3633</v>
      </c>
      <c r="KOJ1" s="216" t="s">
        <v>3633</v>
      </c>
      <c r="KOK1" s="216" t="s">
        <v>3633</v>
      </c>
      <c r="KOL1" s="216" t="s">
        <v>3633</v>
      </c>
      <c r="KOM1" s="216" t="s">
        <v>3633</v>
      </c>
      <c r="KON1" s="216" t="s">
        <v>3633</v>
      </c>
      <c r="KOO1" s="216" t="s">
        <v>3633</v>
      </c>
      <c r="KOP1" s="216" t="s">
        <v>3633</v>
      </c>
      <c r="KOQ1" s="216" t="s">
        <v>3633</v>
      </c>
      <c r="KOR1" s="216" t="s">
        <v>3633</v>
      </c>
      <c r="KOS1" s="216" t="s">
        <v>3633</v>
      </c>
      <c r="KOT1" s="216" t="s">
        <v>3633</v>
      </c>
      <c r="KOU1" s="216" t="s">
        <v>3633</v>
      </c>
      <c r="KOV1" s="216" t="s">
        <v>3633</v>
      </c>
      <c r="KOW1" s="216" t="s">
        <v>3633</v>
      </c>
      <c r="KOX1" s="216" t="s">
        <v>3633</v>
      </c>
      <c r="KOY1" s="216" t="s">
        <v>3633</v>
      </c>
      <c r="KOZ1" s="216" t="s">
        <v>3633</v>
      </c>
      <c r="KPA1" s="216" t="s">
        <v>3633</v>
      </c>
      <c r="KPB1" s="216" t="s">
        <v>3633</v>
      </c>
      <c r="KPC1" s="216" t="s">
        <v>3633</v>
      </c>
      <c r="KPD1" s="216" t="s">
        <v>3633</v>
      </c>
      <c r="KPE1" s="216" t="s">
        <v>3633</v>
      </c>
      <c r="KPF1" s="216" t="s">
        <v>3633</v>
      </c>
      <c r="KPG1" s="216" t="s">
        <v>3633</v>
      </c>
      <c r="KPH1" s="216" t="s">
        <v>3633</v>
      </c>
      <c r="KPI1" s="216" t="s">
        <v>3633</v>
      </c>
      <c r="KPJ1" s="216" t="s">
        <v>3633</v>
      </c>
      <c r="KPK1" s="216" t="s">
        <v>3633</v>
      </c>
      <c r="KPL1" s="216" t="s">
        <v>3633</v>
      </c>
      <c r="KPM1" s="216" t="s">
        <v>3633</v>
      </c>
      <c r="KPN1" s="216" t="s">
        <v>3633</v>
      </c>
      <c r="KPO1" s="216" t="s">
        <v>3633</v>
      </c>
      <c r="KPP1" s="216" t="s">
        <v>3633</v>
      </c>
      <c r="KPQ1" s="216" t="s">
        <v>3633</v>
      </c>
      <c r="KPR1" s="216" t="s">
        <v>3633</v>
      </c>
      <c r="KPS1" s="216" t="s">
        <v>3633</v>
      </c>
      <c r="KPT1" s="216" t="s">
        <v>3633</v>
      </c>
      <c r="KPU1" s="216" t="s">
        <v>3633</v>
      </c>
      <c r="KPV1" s="216" t="s">
        <v>3633</v>
      </c>
      <c r="KPW1" s="216" t="s">
        <v>3633</v>
      </c>
      <c r="KPX1" s="216" t="s">
        <v>3633</v>
      </c>
      <c r="KPY1" s="216" t="s">
        <v>3633</v>
      </c>
      <c r="KPZ1" s="216" t="s">
        <v>3633</v>
      </c>
      <c r="KQA1" s="216" t="s">
        <v>3633</v>
      </c>
      <c r="KQB1" s="216" t="s">
        <v>3633</v>
      </c>
      <c r="KQC1" s="216" t="s">
        <v>3633</v>
      </c>
      <c r="KQD1" s="216" t="s">
        <v>3633</v>
      </c>
      <c r="KQE1" s="216" t="s">
        <v>3633</v>
      </c>
      <c r="KQF1" s="216" t="s">
        <v>3633</v>
      </c>
      <c r="KQG1" s="216" t="s">
        <v>3633</v>
      </c>
      <c r="KQH1" s="216" t="s">
        <v>3633</v>
      </c>
      <c r="KQI1" s="216" t="s">
        <v>3633</v>
      </c>
      <c r="KQJ1" s="216" t="s">
        <v>3633</v>
      </c>
      <c r="KQK1" s="216" t="s">
        <v>3633</v>
      </c>
      <c r="KQL1" s="216" t="s">
        <v>3633</v>
      </c>
      <c r="KQM1" s="216" t="s">
        <v>3633</v>
      </c>
      <c r="KQN1" s="216" t="s">
        <v>3633</v>
      </c>
      <c r="KQO1" s="216" t="s">
        <v>3633</v>
      </c>
      <c r="KQP1" s="216" t="s">
        <v>3633</v>
      </c>
      <c r="KQQ1" s="216" t="s">
        <v>3633</v>
      </c>
      <c r="KQR1" s="216" t="s">
        <v>3633</v>
      </c>
      <c r="KQS1" s="216" t="s">
        <v>3633</v>
      </c>
      <c r="KQT1" s="216" t="s">
        <v>3633</v>
      </c>
      <c r="KQU1" s="216" t="s">
        <v>3633</v>
      </c>
      <c r="KQV1" s="216" t="s">
        <v>3633</v>
      </c>
      <c r="KQW1" s="216" t="s">
        <v>3633</v>
      </c>
      <c r="KQX1" s="216" t="s">
        <v>3633</v>
      </c>
      <c r="KQY1" s="216" t="s">
        <v>3633</v>
      </c>
      <c r="KQZ1" s="216" t="s">
        <v>3633</v>
      </c>
      <c r="KRA1" s="216" t="s">
        <v>3633</v>
      </c>
      <c r="KRB1" s="216" t="s">
        <v>3633</v>
      </c>
      <c r="KRC1" s="216" t="s">
        <v>3633</v>
      </c>
      <c r="KRD1" s="216" t="s">
        <v>3633</v>
      </c>
      <c r="KRE1" s="216" t="s">
        <v>3633</v>
      </c>
      <c r="KRF1" s="216" t="s">
        <v>3633</v>
      </c>
      <c r="KRG1" s="216" t="s">
        <v>3633</v>
      </c>
      <c r="KRH1" s="216" t="s">
        <v>3633</v>
      </c>
      <c r="KRI1" s="216" t="s">
        <v>3633</v>
      </c>
      <c r="KRJ1" s="216" t="s">
        <v>3633</v>
      </c>
      <c r="KRK1" s="216" t="s">
        <v>3633</v>
      </c>
      <c r="KRL1" s="216" t="s">
        <v>3633</v>
      </c>
      <c r="KRM1" s="216" t="s">
        <v>3633</v>
      </c>
      <c r="KRN1" s="216" t="s">
        <v>3633</v>
      </c>
      <c r="KRO1" s="216" t="s">
        <v>3633</v>
      </c>
      <c r="KRP1" s="216" t="s">
        <v>3633</v>
      </c>
      <c r="KRQ1" s="216" t="s">
        <v>3633</v>
      </c>
      <c r="KRR1" s="216" t="s">
        <v>3633</v>
      </c>
      <c r="KRS1" s="216" t="s">
        <v>3633</v>
      </c>
      <c r="KRT1" s="216" t="s">
        <v>3633</v>
      </c>
      <c r="KRU1" s="216" t="s">
        <v>3633</v>
      </c>
      <c r="KRV1" s="216" t="s">
        <v>3633</v>
      </c>
      <c r="KRW1" s="216" t="s">
        <v>3633</v>
      </c>
      <c r="KRX1" s="216" t="s">
        <v>3633</v>
      </c>
      <c r="KRY1" s="216" t="s">
        <v>3633</v>
      </c>
      <c r="KRZ1" s="216" t="s">
        <v>3633</v>
      </c>
      <c r="KSA1" s="216" t="s">
        <v>3633</v>
      </c>
      <c r="KSB1" s="216" t="s">
        <v>3633</v>
      </c>
      <c r="KSC1" s="216" t="s">
        <v>3633</v>
      </c>
      <c r="KSD1" s="216" t="s">
        <v>3633</v>
      </c>
      <c r="KSE1" s="216" t="s">
        <v>3633</v>
      </c>
      <c r="KSF1" s="216" t="s">
        <v>3633</v>
      </c>
      <c r="KSG1" s="216" t="s">
        <v>3633</v>
      </c>
      <c r="KSH1" s="216" t="s">
        <v>3633</v>
      </c>
      <c r="KSI1" s="216" t="s">
        <v>3633</v>
      </c>
      <c r="KSJ1" s="216" t="s">
        <v>3633</v>
      </c>
      <c r="KSK1" s="216" t="s">
        <v>3633</v>
      </c>
      <c r="KSL1" s="216" t="s">
        <v>3633</v>
      </c>
      <c r="KSM1" s="216" t="s">
        <v>3633</v>
      </c>
      <c r="KSN1" s="216" t="s">
        <v>3633</v>
      </c>
      <c r="KSO1" s="216" t="s">
        <v>3633</v>
      </c>
      <c r="KSP1" s="216" t="s">
        <v>3633</v>
      </c>
      <c r="KSQ1" s="216" t="s">
        <v>3633</v>
      </c>
      <c r="KSR1" s="216" t="s">
        <v>3633</v>
      </c>
      <c r="KSS1" s="216" t="s">
        <v>3633</v>
      </c>
      <c r="KST1" s="216" t="s">
        <v>3633</v>
      </c>
      <c r="KSU1" s="216" t="s">
        <v>3633</v>
      </c>
      <c r="KSV1" s="216" t="s">
        <v>3633</v>
      </c>
      <c r="KSW1" s="216" t="s">
        <v>3633</v>
      </c>
      <c r="KSX1" s="216" t="s">
        <v>3633</v>
      </c>
      <c r="KSY1" s="216" t="s">
        <v>3633</v>
      </c>
      <c r="KSZ1" s="216" t="s">
        <v>3633</v>
      </c>
      <c r="KTA1" s="216" t="s">
        <v>3633</v>
      </c>
      <c r="KTB1" s="216" t="s">
        <v>3633</v>
      </c>
      <c r="KTC1" s="216" t="s">
        <v>3633</v>
      </c>
      <c r="KTD1" s="216" t="s">
        <v>3633</v>
      </c>
      <c r="KTE1" s="216" t="s">
        <v>3633</v>
      </c>
      <c r="KTF1" s="216" t="s">
        <v>3633</v>
      </c>
      <c r="KTG1" s="216" t="s">
        <v>3633</v>
      </c>
      <c r="KTH1" s="216" t="s">
        <v>3633</v>
      </c>
      <c r="KTI1" s="216" t="s">
        <v>3633</v>
      </c>
      <c r="KTJ1" s="216" t="s">
        <v>3633</v>
      </c>
      <c r="KTK1" s="216" t="s">
        <v>3633</v>
      </c>
      <c r="KTL1" s="216" t="s">
        <v>3633</v>
      </c>
      <c r="KTM1" s="216" t="s">
        <v>3633</v>
      </c>
      <c r="KTN1" s="216" t="s">
        <v>3633</v>
      </c>
      <c r="KTO1" s="216" t="s">
        <v>3633</v>
      </c>
      <c r="KTP1" s="216" t="s">
        <v>3633</v>
      </c>
      <c r="KTQ1" s="216" t="s">
        <v>3633</v>
      </c>
      <c r="KTR1" s="216" t="s">
        <v>3633</v>
      </c>
      <c r="KTS1" s="216" t="s">
        <v>3633</v>
      </c>
      <c r="KTT1" s="216" t="s">
        <v>3633</v>
      </c>
      <c r="KTU1" s="216" t="s">
        <v>3633</v>
      </c>
      <c r="KTV1" s="216" t="s">
        <v>3633</v>
      </c>
      <c r="KTW1" s="216" t="s">
        <v>3633</v>
      </c>
      <c r="KTX1" s="216" t="s">
        <v>3633</v>
      </c>
      <c r="KTY1" s="216" t="s">
        <v>3633</v>
      </c>
      <c r="KTZ1" s="216" t="s">
        <v>3633</v>
      </c>
      <c r="KUA1" s="216" t="s">
        <v>3633</v>
      </c>
      <c r="KUB1" s="216" t="s">
        <v>3633</v>
      </c>
      <c r="KUC1" s="216" t="s">
        <v>3633</v>
      </c>
      <c r="KUD1" s="216" t="s">
        <v>3633</v>
      </c>
      <c r="KUE1" s="216" t="s">
        <v>3633</v>
      </c>
      <c r="KUF1" s="216" t="s">
        <v>3633</v>
      </c>
      <c r="KUG1" s="216" t="s">
        <v>3633</v>
      </c>
      <c r="KUH1" s="216" t="s">
        <v>3633</v>
      </c>
      <c r="KUI1" s="216" t="s">
        <v>3633</v>
      </c>
      <c r="KUJ1" s="216" t="s">
        <v>3633</v>
      </c>
      <c r="KUK1" s="216" t="s">
        <v>3633</v>
      </c>
      <c r="KUL1" s="216" t="s">
        <v>3633</v>
      </c>
      <c r="KUM1" s="216" t="s">
        <v>3633</v>
      </c>
      <c r="KUN1" s="216" t="s">
        <v>3633</v>
      </c>
      <c r="KUO1" s="216" t="s">
        <v>3633</v>
      </c>
      <c r="KUP1" s="216" t="s">
        <v>3633</v>
      </c>
      <c r="KUQ1" s="216" t="s">
        <v>3633</v>
      </c>
      <c r="KUR1" s="216" t="s">
        <v>3633</v>
      </c>
      <c r="KUS1" s="216" t="s">
        <v>3633</v>
      </c>
      <c r="KUT1" s="216" t="s">
        <v>3633</v>
      </c>
      <c r="KUU1" s="216" t="s">
        <v>3633</v>
      </c>
      <c r="KUV1" s="216" t="s">
        <v>3633</v>
      </c>
      <c r="KUW1" s="216" t="s">
        <v>3633</v>
      </c>
      <c r="KUX1" s="216" t="s">
        <v>3633</v>
      </c>
      <c r="KUY1" s="216" t="s">
        <v>3633</v>
      </c>
      <c r="KUZ1" s="216" t="s">
        <v>3633</v>
      </c>
      <c r="KVA1" s="216" t="s">
        <v>3633</v>
      </c>
      <c r="KVB1" s="216" t="s">
        <v>3633</v>
      </c>
      <c r="KVC1" s="216" t="s">
        <v>3633</v>
      </c>
      <c r="KVD1" s="216" t="s">
        <v>3633</v>
      </c>
      <c r="KVE1" s="216" t="s">
        <v>3633</v>
      </c>
      <c r="KVF1" s="216" t="s">
        <v>3633</v>
      </c>
      <c r="KVG1" s="216" t="s">
        <v>3633</v>
      </c>
      <c r="KVH1" s="216" t="s">
        <v>3633</v>
      </c>
      <c r="KVI1" s="216" t="s">
        <v>3633</v>
      </c>
      <c r="KVJ1" s="216" t="s">
        <v>3633</v>
      </c>
      <c r="KVK1" s="216" t="s">
        <v>3633</v>
      </c>
      <c r="KVL1" s="216" t="s">
        <v>3633</v>
      </c>
      <c r="KVM1" s="216" t="s">
        <v>3633</v>
      </c>
      <c r="KVN1" s="216" t="s">
        <v>3633</v>
      </c>
      <c r="KVO1" s="216" t="s">
        <v>3633</v>
      </c>
      <c r="KVP1" s="216" t="s">
        <v>3633</v>
      </c>
      <c r="KVQ1" s="216" t="s">
        <v>3633</v>
      </c>
      <c r="KVR1" s="216" t="s">
        <v>3633</v>
      </c>
      <c r="KVS1" s="216" t="s">
        <v>3633</v>
      </c>
      <c r="KVT1" s="216" t="s">
        <v>3633</v>
      </c>
      <c r="KVU1" s="216" t="s">
        <v>3633</v>
      </c>
      <c r="KVV1" s="216" t="s">
        <v>3633</v>
      </c>
      <c r="KVW1" s="216" t="s">
        <v>3633</v>
      </c>
      <c r="KVX1" s="216" t="s">
        <v>3633</v>
      </c>
      <c r="KVY1" s="216" t="s">
        <v>3633</v>
      </c>
      <c r="KVZ1" s="216" t="s">
        <v>3633</v>
      </c>
      <c r="KWA1" s="216" t="s">
        <v>3633</v>
      </c>
      <c r="KWB1" s="216" t="s">
        <v>3633</v>
      </c>
      <c r="KWC1" s="216" t="s">
        <v>3633</v>
      </c>
      <c r="KWD1" s="216" t="s">
        <v>3633</v>
      </c>
      <c r="KWE1" s="216" t="s">
        <v>3633</v>
      </c>
      <c r="KWF1" s="216" t="s">
        <v>3633</v>
      </c>
      <c r="KWG1" s="216" t="s">
        <v>3633</v>
      </c>
      <c r="KWH1" s="216" t="s">
        <v>3633</v>
      </c>
      <c r="KWI1" s="216" t="s">
        <v>3633</v>
      </c>
      <c r="KWJ1" s="216" t="s">
        <v>3633</v>
      </c>
      <c r="KWK1" s="216" t="s">
        <v>3633</v>
      </c>
      <c r="KWL1" s="216" t="s">
        <v>3633</v>
      </c>
      <c r="KWM1" s="216" t="s">
        <v>3633</v>
      </c>
      <c r="KWN1" s="216" t="s">
        <v>3633</v>
      </c>
      <c r="KWO1" s="216" t="s">
        <v>3633</v>
      </c>
      <c r="KWP1" s="216" t="s">
        <v>3633</v>
      </c>
      <c r="KWQ1" s="216" t="s">
        <v>3633</v>
      </c>
      <c r="KWR1" s="216" t="s">
        <v>3633</v>
      </c>
      <c r="KWS1" s="216" t="s">
        <v>3633</v>
      </c>
      <c r="KWT1" s="216" t="s">
        <v>3633</v>
      </c>
      <c r="KWU1" s="216" t="s">
        <v>3633</v>
      </c>
      <c r="KWV1" s="216" t="s">
        <v>3633</v>
      </c>
      <c r="KWW1" s="216" t="s">
        <v>3633</v>
      </c>
      <c r="KWX1" s="216" t="s">
        <v>3633</v>
      </c>
      <c r="KWY1" s="216" t="s">
        <v>3633</v>
      </c>
      <c r="KWZ1" s="216" t="s">
        <v>3633</v>
      </c>
      <c r="KXA1" s="216" t="s">
        <v>3633</v>
      </c>
      <c r="KXB1" s="216" t="s">
        <v>3633</v>
      </c>
      <c r="KXC1" s="216" t="s">
        <v>3633</v>
      </c>
      <c r="KXD1" s="216" t="s">
        <v>3633</v>
      </c>
      <c r="KXE1" s="216" t="s">
        <v>3633</v>
      </c>
      <c r="KXF1" s="216" t="s">
        <v>3633</v>
      </c>
      <c r="KXG1" s="216" t="s">
        <v>3633</v>
      </c>
      <c r="KXH1" s="216" t="s">
        <v>3633</v>
      </c>
      <c r="KXI1" s="216" t="s">
        <v>3633</v>
      </c>
      <c r="KXJ1" s="216" t="s">
        <v>3633</v>
      </c>
      <c r="KXK1" s="216" t="s">
        <v>3633</v>
      </c>
      <c r="KXL1" s="216" t="s">
        <v>3633</v>
      </c>
      <c r="KXM1" s="216" t="s">
        <v>3633</v>
      </c>
      <c r="KXN1" s="216" t="s">
        <v>3633</v>
      </c>
      <c r="KXO1" s="216" t="s">
        <v>3633</v>
      </c>
      <c r="KXP1" s="216" t="s">
        <v>3633</v>
      </c>
      <c r="KXQ1" s="216" t="s">
        <v>3633</v>
      </c>
      <c r="KXR1" s="216" t="s">
        <v>3633</v>
      </c>
      <c r="KXS1" s="216" t="s">
        <v>3633</v>
      </c>
      <c r="KXT1" s="216" t="s">
        <v>3633</v>
      </c>
      <c r="KXU1" s="216" t="s">
        <v>3633</v>
      </c>
      <c r="KXV1" s="216" t="s">
        <v>3633</v>
      </c>
      <c r="KXW1" s="216" t="s">
        <v>3633</v>
      </c>
      <c r="KXX1" s="216" t="s">
        <v>3633</v>
      </c>
      <c r="KXY1" s="216" t="s">
        <v>3633</v>
      </c>
      <c r="KXZ1" s="216" t="s">
        <v>3633</v>
      </c>
      <c r="KYA1" s="216" t="s">
        <v>3633</v>
      </c>
      <c r="KYB1" s="216" t="s">
        <v>3633</v>
      </c>
      <c r="KYC1" s="216" t="s">
        <v>3633</v>
      </c>
      <c r="KYD1" s="216" t="s">
        <v>3633</v>
      </c>
      <c r="KYE1" s="216" t="s">
        <v>3633</v>
      </c>
      <c r="KYF1" s="216" t="s">
        <v>3633</v>
      </c>
      <c r="KYG1" s="216" t="s">
        <v>3633</v>
      </c>
      <c r="KYH1" s="216" t="s">
        <v>3633</v>
      </c>
      <c r="KYI1" s="216" t="s">
        <v>3633</v>
      </c>
      <c r="KYJ1" s="216" t="s">
        <v>3633</v>
      </c>
      <c r="KYK1" s="216" t="s">
        <v>3633</v>
      </c>
      <c r="KYL1" s="216" t="s">
        <v>3633</v>
      </c>
      <c r="KYM1" s="216" t="s">
        <v>3633</v>
      </c>
      <c r="KYN1" s="216" t="s">
        <v>3633</v>
      </c>
      <c r="KYO1" s="216" t="s">
        <v>3633</v>
      </c>
      <c r="KYP1" s="216" t="s">
        <v>3633</v>
      </c>
      <c r="KYQ1" s="216" t="s">
        <v>3633</v>
      </c>
      <c r="KYR1" s="216" t="s">
        <v>3633</v>
      </c>
      <c r="KYS1" s="216" t="s">
        <v>3633</v>
      </c>
      <c r="KYT1" s="216" t="s">
        <v>3633</v>
      </c>
      <c r="KYU1" s="216" t="s">
        <v>3633</v>
      </c>
      <c r="KYV1" s="216" t="s">
        <v>3633</v>
      </c>
      <c r="KYW1" s="216" t="s">
        <v>3633</v>
      </c>
      <c r="KYX1" s="216" t="s">
        <v>3633</v>
      </c>
      <c r="KYY1" s="216" t="s">
        <v>3633</v>
      </c>
      <c r="KYZ1" s="216" t="s">
        <v>3633</v>
      </c>
      <c r="KZA1" s="216" t="s">
        <v>3633</v>
      </c>
      <c r="KZB1" s="216" t="s">
        <v>3633</v>
      </c>
      <c r="KZC1" s="216" t="s">
        <v>3633</v>
      </c>
      <c r="KZD1" s="216" t="s">
        <v>3633</v>
      </c>
      <c r="KZE1" s="216" t="s">
        <v>3633</v>
      </c>
      <c r="KZF1" s="216" t="s">
        <v>3633</v>
      </c>
      <c r="KZG1" s="216" t="s">
        <v>3633</v>
      </c>
      <c r="KZH1" s="216" t="s">
        <v>3633</v>
      </c>
      <c r="KZI1" s="216" t="s">
        <v>3633</v>
      </c>
      <c r="KZJ1" s="216" t="s">
        <v>3633</v>
      </c>
      <c r="KZK1" s="216" t="s">
        <v>3633</v>
      </c>
      <c r="KZL1" s="216" t="s">
        <v>3633</v>
      </c>
      <c r="KZM1" s="216" t="s">
        <v>3633</v>
      </c>
      <c r="KZN1" s="216" t="s">
        <v>3633</v>
      </c>
      <c r="KZO1" s="216" t="s">
        <v>3633</v>
      </c>
      <c r="KZP1" s="216" t="s">
        <v>3633</v>
      </c>
      <c r="KZQ1" s="216" t="s">
        <v>3633</v>
      </c>
      <c r="KZR1" s="216" t="s">
        <v>3633</v>
      </c>
      <c r="KZS1" s="216" t="s">
        <v>3633</v>
      </c>
      <c r="KZT1" s="216" t="s">
        <v>3633</v>
      </c>
      <c r="KZU1" s="216" t="s">
        <v>3633</v>
      </c>
      <c r="KZV1" s="216" t="s">
        <v>3633</v>
      </c>
      <c r="KZW1" s="216" t="s">
        <v>3633</v>
      </c>
      <c r="KZX1" s="216" t="s">
        <v>3633</v>
      </c>
      <c r="KZY1" s="216" t="s">
        <v>3633</v>
      </c>
      <c r="KZZ1" s="216" t="s">
        <v>3633</v>
      </c>
      <c r="LAA1" s="216" t="s">
        <v>3633</v>
      </c>
      <c r="LAB1" s="216" t="s">
        <v>3633</v>
      </c>
      <c r="LAC1" s="216" t="s">
        <v>3633</v>
      </c>
      <c r="LAD1" s="216" t="s">
        <v>3633</v>
      </c>
      <c r="LAE1" s="216" t="s">
        <v>3633</v>
      </c>
      <c r="LAF1" s="216" t="s">
        <v>3633</v>
      </c>
      <c r="LAG1" s="216" t="s">
        <v>3633</v>
      </c>
      <c r="LAH1" s="216" t="s">
        <v>3633</v>
      </c>
      <c r="LAI1" s="216" t="s">
        <v>3633</v>
      </c>
      <c r="LAJ1" s="216" t="s">
        <v>3633</v>
      </c>
      <c r="LAK1" s="216" t="s">
        <v>3633</v>
      </c>
      <c r="LAL1" s="216" t="s">
        <v>3633</v>
      </c>
      <c r="LAM1" s="216" t="s">
        <v>3633</v>
      </c>
      <c r="LAN1" s="216" t="s">
        <v>3633</v>
      </c>
      <c r="LAO1" s="216" t="s">
        <v>3633</v>
      </c>
      <c r="LAP1" s="216" t="s">
        <v>3633</v>
      </c>
      <c r="LAQ1" s="216" t="s">
        <v>3633</v>
      </c>
      <c r="LAR1" s="216" t="s">
        <v>3633</v>
      </c>
      <c r="LAS1" s="216" t="s">
        <v>3633</v>
      </c>
      <c r="LAT1" s="216" t="s">
        <v>3633</v>
      </c>
      <c r="LAU1" s="216" t="s">
        <v>3633</v>
      </c>
      <c r="LAV1" s="216" t="s">
        <v>3633</v>
      </c>
      <c r="LAW1" s="216" t="s">
        <v>3633</v>
      </c>
      <c r="LAX1" s="216" t="s">
        <v>3633</v>
      </c>
      <c r="LAY1" s="216" t="s">
        <v>3633</v>
      </c>
      <c r="LAZ1" s="216" t="s">
        <v>3633</v>
      </c>
      <c r="LBA1" s="216" t="s">
        <v>3633</v>
      </c>
      <c r="LBB1" s="216" t="s">
        <v>3633</v>
      </c>
      <c r="LBC1" s="216" t="s">
        <v>3633</v>
      </c>
      <c r="LBD1" s="216" t="s">
        <v>3633</v>
      </c>
      <c r="LBE1" s="216" t="s">
        <v>3633</v>
      </c>
      <c r="LBF1" s="216" t="s">
        <v>3633</v>
      </c>
      <c r="LBG1" s="216" t="s">
        <v>3633</v>
      </c>
      <c r="LBH1" s="216" t="s">
        <v>3633</v>
      </c>
      <c r="LBI1" s="216" t="s">
        <v>3633</v>
      </c>
      <c r="LBJ1" s="216" t="s">
        <v>3633</v>
      </c>
      <c r="LBK1" s="216" t="s">
        <v>3633</v>
      </c>
      <c r="LBL1" s="216" t="s">
        <v>3633</v>
      </c>
      <c r="LBM1" s="216" t="s">
        <v>3633</v>
      </c>
      <c r="LBN1" s="216" t="s">
        <v>3633</v>
      </c>
      <c r="LBO1" s="216" t="s">
        <v>3633</v>
      </c>
      <c r="LBP1" s="216" t="s">
        <v>3633</v>
      </c>
      <c r="LBQ1" s="216" t="s">
        <v>3633</v>
      </c>
      <c r="LBR1" s="216" t="s">
        <v>3633</v>
      </c>
      <c r="LBS1" s="216" t="s">
        <v>3633</v>
      </c>
      <c r="LBT1" s="216" t="s">
        <v>3633</v>
      </c>
      <c r="LBU1" s="216" t="s">
        <v>3633</v>
      </c>
      <c r="LBV1" s="216" t="s">
        <v>3633</v>
      </c>
      <c r="LBW1" s="216" t="s">
        <v>3633</v>
      </c>
      <c r="LBX1" s="216" t="s">
        <v>3633</v>
      </c>
      <c r="LBY1" s="216" t="s">
        <v>3633</v>
      </c>
      <c r="LBZ1" s="216" t="s">
        <v>3633</v>
      </c>
      <c r="LCA1" s="216" t="s">
        <v>3633</v>
      </c>
      <c r="LCB1" s="216" t="s">
        <v>3633</v>
      </c>
      <c r="LCC1" s="216" t="s">
        <v>3633</v>
      </c>
      <c r="LCD1" s="216" t="s">
        <v>3633</v>
      </c>
      <c r="LCE1" s="216" t="s">
        <v>3633</v>
      </c>
      <c r="LCF1" s="216" t="s">
        <v>3633</v>
      </c>
      <c r="LCG1" s="216" t="s">
        <v>3633</v>
      </c>
      <c r="LCH1" s="216" t="s">
        <v>3633</v>
      </c>
      <c r="LCI1" s="216" t="s">
        <v>3633</v>
      </c>
      <c r="LCJ1" s="216" t="s">
        <v>3633</v>
      </c>
      <c r="LCK1" s="216" t="s">
        <v>3633</v>
      </c>
      <c r="LCL1" s="216" t="s">
        <v>3633</v>
      </c>
      <c r="LCM1" s="216" t="s">
        <v>3633</v>
      </c>
      <c r="LCN1" s="216" t="s">
        <v>3633</v>
      </c>
      <c r="LCO1" s="216" t="s">
        <v>3633</v>
      </c>
      <c r="LCP1" s="216" t="s">
        <v>3633</v>
      </c>
      <c r="LCQ1" s="216" t="s">
        <v>3633</v>
      </c>
      <c r="LCR1" s="216" t="s">
        <v>3633</v>
      </c>
      <c r="LCS1" s="216" t="s">
        <v>3633</v>
      </c>
      <c r="LCT1" s="216" t="s">
        <v>3633</v>
      </c>
      <c r="LCU1" s="216" t="s">
        <v>3633</v>
      </c>
      <c r="LCV1" s="216" t="s">
        <v>3633</v>
      </c>
      <c r="LCW1" s="216" t="s">
        <v>3633</v>
      </c>
      <c r="LCX1" s="216" t="s">
        <v>3633</v>
      </c>
      <c r="LCY1" s="216" t="s">
        <v>3633</v>
      </c>
      <c r="LCZ1" s="216" t="s">
        <v>3633</v>
      </c>
      <c r="LDA1" s="216" t="s">
        <v>3633</v>
      </c>
      <c r="LDB1" s="216" t="s">
        <v>3633</v>
      </c>
      <c r="LDC1" s="216" t="s">
        <v>3633</v>
      </c>
      <c r="LDD1" s="216" t="s">
        <v>3633</v>
      </c>
      <c r="LDE1" s="216" t="s">
        <v>3633</v>
      </c>
      <c r="LDF1" s="216" t="s">
        <v>3633</v>
      </c>
      <c r="LDG1" s="216" t="s">
        <v>3633</v>
      </c>
      <c r="LDH1" s="216" t="s">
        <v>3633</v>
      </c>
      <c r="LDI1" s="216" t="s">
        <v>3633</v>
      </c>
      <c r="LDJ1" s="216" t="s">
        <v>3633</v>
      </c>
      <c r="LDK1" s="216" t="s">
        <v>3633</v>
      </c>
      <c r="LDL1" s="216" t="s">
        <v>3633</v>
      </c>
      <c r="LDM1" s="216" t="s">
        <v>3633</v>
      </c>
      <c r="LDN1" s="216" t="s">
        <v>3633</v>
      </c>
      <c r="LDO1" s="216" t="s">
        <v>3633</v>
      </c>
      <c r="LDP1" s="216" t="s">
        <v>3633</v>
      </c>
      <c r="LDQ1" s="216" t="s">
        <v>3633</v>
      </c>
      <c r="LDR1" s="216" t="s">
        <v>3633</v>
      </c>
      <c r="LDS1" s="216" t="s">
        <v>3633</v>
      </c>
      <c r="LDT1" s="216" t="s">
        <v>3633</v>
      </c>
      <c r="LDU1" s="216" t="s">
        <v>3633</v>
      </c>
      <c r="LDV1" s="216" t="s">
        <v>3633</v>
      </c>
      <c r="LDW1" s="216" t="s">
        <v>3633</v>
      </c>
      <c r="LDX1" s="216" t="s">
        <v>3633</v>
      </c>
      <c r="LDY1" s="216" t="s">
        <v>3633</v>
      </c>
      <c r="LDZ1" s="216" t="s">
        <v>3633</v>
      </c>
      <c r="LEA1" s="216" t="s">
        <v>3633</v>
      </c>
      <c r="LEB1" s="216" t="s">
        <v>3633</v>
      </c>
      <c r="LEC1" s="216" t="s">
        <v>3633</v>
      </c>
      <c r="LED1" s="216" t="s">
        <v>3633</v>
      </c>
      <c r="LEE1" s="216" t="s">
        <v>3633</v>
      </c>
      <c r="LEF1" s="216" t="s">
        <v>3633</v>
      </c>
      <c r="LEG1" s="216" t="s">
        <v>3633</v>
      </c>
      <c r="LEH1" s="216" t="s">
        <v>3633</v>
      </c>
      <c r="LEI1" s="216" t="s">
        <v>3633</v>
      </c>
      <c r="LEJ1" s="216" t="s">
        <v>3633</v>
      </c>
      <c r="LEK1" s="216" t="s">
        <v>3633</v>
      </c>
      <c r="LEL1" s="216" t="s">
        <v>3633</v>
      </c>
      <c r="LEM1" s="216" t="s">
        <v>3633</v>
      </c>
      <c r="LEN1" s="216" t="s">
        <v>3633</v>
      </c>
      <c r="LEO1" s="216" t="s">
        <v>3633</v>
      </c>
      <c r="LEP1" s="216" t="s">
        <v>3633</v>
      </c>
      <c r="LEQ1" s="216" t="s">
        <v>3633</v>
      </c>
      <c r="LER1" s="216" t="s">
        <v>3633</v>
      </c>
      <c r="LES1" s="216" t="s">
        <v>3633</v>
      </c>
      <c r="LET1" s="216" t="s">
        <v>3633</v>
      </c>
      <c r="LEU1" s="216" t="s">
        <v>3633</v>
      </c>
      <c r="LEV1" s="216" t="s">
        <v>3633</v>
      </c>
      <c r="LEW1" s="216" t="s">
        <v>3633</v>
      </c>
      <c r="LEX1" s="216" t="s">
        <v>3633</v>
      </c>
      <c r="LEY1" s="216" t="s">
        <v>3633</v>
      </c>
      <c r="LEZ1" s="216" t="s">
        <v>3633</v>
      </c>
      <c r="LFA1" s="216" t="s">
        <v>3633</v>
      </c>
      <c r="LFB1" s="216" t="s">
        <v>3633</v>
      </c>
      <c r="LFC1" s="216" t="s">
        <v>3633</v>
      </c>
      <c r="LFD1" s="216" t="s">
        <v>3633</v>
      </c>
      <c r="LFE1" s="216" t="s">
        <v>3633</v>
      </c>
      <c r="LFF1" s="216" t="s">
        <v>3633</v>
      </c>
      <c r="LFG1" s="216" t="s">
        <v>3633</v>
      </c>
      <c r="LFH1" s="216" t="s">
        <v>3633</v>
      </c>
      <c r="LFI1" s="216" t="s">
        <v>3633</v>
      </c>
      <c r="LFJ1" s="216" t="s">
        <v>3633</v>
      </c>
      <c r="LFK1" s="216" t="s">
        <v>3633</v>
      </c>
      <c r="LFL1" s="216" t="s">
        <v>3633</v>
      </c>
      <c r="LFM1" s="216" t="s">
        <v>3633</v>
      </c>
      <c r="LFN1" s="216" t="s">
        <v>3633</v>
      </c>
      <c r="LFO1" s="216" t="s">
        <v>3633</v>
      </c>
      <c r="LFP1" s="216" t="s">
        <v>3633</v>
      </c>
      <c r="LFQ1" s="216" t="s">
        <v>3633</v>
      </c>
      <c r="LFR1" s="216" t="s">
        <v>3633</v>
      </c>
      <c r="LFS1" s="216" t="s">
        <v>3633</v>
      </c>
      <c r="LFT1" s="216" t="s">
        <v>3633</v>
      </c>
      <c r="LFU1" s="216" t="s">
        <v>3633</v>
      </c>
      <c r="LFV1" s="216" t="s">
        <v>3633</v>
      </c>
      <c r="LFW1" s="216" t="s">
        <v>3633</v>
      </c>
      <c r="LFX1" s="216" t="s">
        <v>3633</v>
      </c>
      <c r="LFY1" s="216" t="s">
        <v>3633</v>
      </c>
      <c r="LFZ1" s="216" t="s">
        <v>3633</v>
      </c>
      <c r="LGA1" s="216" t="s">
        <v>3633</v>
      </c>
      <c r="LGB1" s="216" t="s">
        <v>3633</v>
      </c>
      <c r="LGC1" s="216" t="s">
        <v>3633</v>
      </c>
      <c r="LGD1" s="216" t="s">
        <v>3633</v>
      </c>
      <c r="LGE1" s="216" t="s">
        <v>3633</v>
      </c>
      <c r="LGF1" s="216" t="s">
        <v>3633</v>
      </c>
      <c r="LGG1" s="216" t="s">
        <v>3633</v>
      </c>
      <c r="LGH1" s="216" t="s">
        <v>3633</v>
      </c>
      <c r="LGI1" s="216" t="s">
        <v>3633</v>
      </c>
      <c r="LGJ1" s="216" t="s">
        <v>3633</v>
      </c>
      <c r="LGK1" s="216" t="s">
        <v>3633</v>
      </c>
      <c r="LGL1" s="216" t="s">
        <v>3633</v>
      </c>
      <c r="LGM1" s="216" t="s">
        <v>3633</v>
      </c>
      <c r="LGN1" s="216" t="s">
        <v>3633</v>
      </c>
      <c r="LGO1" s="216" t="s">
        <v>3633</v>
      </c>
      <c r="LGP1" s="216" t="s">
        <v>3633</v>
      </c>
      <c r="LGQ1" s="216" t="s">
        <v>3633</v>
      </c>
      <c r="LGR1" s="216" t="s">
        <v>3633</v>
      </c>
      <c r="LGS1" s="216" t="s">
        <v>3633</v>
      </c>
      <c r="LGT1" s="216" t="s">
        <v>3633</v>
      </c>
      <c r="LGU1" s="216" t="s">
        <v>3633</v>
      </c>
      <c r="LGV1" s="216" t="s">
        <v>3633</v>
      </c>
      <c r="LGW1" s="216" t="s">
        <v>3633</v>
      </c>
      <c r="LGX1" s="216" t="s">
        <v>3633</v>
      </c>
      <c r="LGY1" s="216" t="s">
        <v>3633</v>
      </c>
      <c r="LGZ1" s="216" t="s">
        <v>3633</v>
      </c>
      <c r="LHA1" s="216" t="s">
        <v>3633</v>
      </c>
      <c r="LHB1" s="216" t="s">
        <v>3633</v>
      </c>
      <c r="LHC1" s="216" t="s">
        <v>3633</v>
      </c>
      <c r="LHD1" s="216" t="s">
        <v>3633</v>
      </c>
      <c r="LHE1" s="216" t="s">
        <v>3633</v>
      </c>
      <c r="LHF1" s="216" t="s">
        <v>3633</v>
      </c>
      <c r="LHG1" s="216" t="s">
        <v>3633</v>
      </c>
      <c r="LHH1" s="216" t="s">
        <v>3633</v>
      </c>
      <c r="LHI1" s="216" t="s">
        <v>3633</v>
      </c>
      <c r="LHJ1" s="216" t="s">
        <v>3633</v>
      </c>
      <c r="LHK1" s="216" t="s">
        <v>3633</v>
      </c>
      <c r="LHL1" s="216" t="s">
        <v>3633</v>
      </c>
      <c r="LHM1" s="216" t="s">
        <v>3633</v>
      </c>
      <c r="LHN1" s="216" t="s">
        <v>3633</v>
      </c>
      <c r="LHO1" s="216" t="s">
        <v>3633</v>
      </c>
      <c r="LHP1" s="216" t="s">
        <v>3633</v>
      </c>
      <c r="LHQ1" s="216" t="s">
        <v>3633</v>
      </c>
      <c r="LHR1" s="216" t="s">
        <v>3633</v>
      </c>
      <c r="LHS1" s="216" t="s">
        <v>3633</v>
      </c>
      <c r="LHT1" s="216" t="s">
        <v>3633</v>
      </c>
      <c r="LHU1" s="216" t="s">
        <v>3633</v>
      </c>
      <c r="LHV1" s="216" t="s">
        <v>3633</v>
      </c>
      <c r="LHW1" s="216" t="s">
        <v>3633</v>
      </c>
      <c r="LHX1" s="216" t="s">
        <v>3633</v>
      </c>
      <c r="LHY1" s="216" t="s">
        <v>3633</v>
      </c>
      <c r="LHZ1" s="216" t="s">
        <v>3633</v>
      </c>
      <c r="LIA1" s="216" t="s">
        <v>3633</v>
      </c>
      <c r="LIB1" s="216" t="s">
        <v>3633</v>
      </c>
      <c r="LIC1" s="216" t="s">
        <v>3633</v>
      </c>
      <c r="LID1" s="216" t="s">
        <v>3633</v>
      </c>
      <c r="LIE1" s="216" t="s">
        <v>3633</v>
      </c>
      <c r="LIF1" s="216" t="s">
        <v>3633</v>
      </c>
      <c r="LIG1" s="216" t="s">
        <v>3633</v>
      </c>
      <c r="LIH1" s="216" t="s">
        <v>3633</v>
      </c>
      <c r="LII1" s="216" t="s">
        <v>3633</v>
      </c>
      <c r="LIJ1" s="216" t="s">
        <v>3633</v>
      </c>
      <c r="LIK1" s="216" t="s">
        <v>3633</v>
      </c>
      <c r="LIL1" s="216" t="s">
        <v>3633</v>
      </c>
      <c r="LIM1" s="216" t="s">
        <v>3633</v>
      </c>
      <c r="LIN1" s="216" t="s">
        <v>3633</v>
      </c>
      <c r="LIO1" s="216" t="s">
        <v>3633</v>
      </c>
      <c r="LIP1" s="216" t="s">
        <v>3633</v>
      </c>
      <c r="LIQ1" s="216" t="s">
        <v>3633</v>
      </c>
      <c r="LIR1" s="216" t="s">
        <v>3633</v>
      </c>
      <c r="LIS1" s="216" t="s">
        <v>3633</v>
      </c>
      <c r="LIT1" s="216" t="s">
        <v>3633</v>
      </c>
      <c r="LIU1" s="216" t="s">
        <v>3633</v>
      </c>
      <c r="LIV1" s="216" t="s">
        <v>3633</v>
      </c>
      <c r="LIW1" s="216" t="s">
        <v>3633</v>
      </c>
      <c r="LIX1" s="216" t="s">
        <v>3633</v>
      </c>
      <c r="LIY1" s="216" t="s">
        <v>3633</v>
      </c>
      <c r="LIZ1" s="216" t="s">
        <v>3633</v>
      </c>
      <c r="LJA1" s="216" t="s">
        <v>3633</v>
      </c>
      <c r="LJB1" s="216" t="s">
        <v>3633</v>
      </c>
      <c r="LJC1" s="216" t="s">
        <v>3633</v>
      </c>
      <c r="LJD1" s="216" t="s">
        <v>3633</v>
      </c>
      <c r="LJE1" s="216" t="s">
        <v>3633</v>
      </c>
      <c r="LJF1" s="216" t="s">
        <v>3633</v>
      </c>
      <c r="LJG1" s="216" t="s">
        <v>3633</v>
      </c>
      <c r="LJH1" s="216" t="s">
        <v>3633</v>
      </c>
      <c r="LJI1" s="216" t="s">
        <v>3633</v>
      </c>
      <c r="LJJ1" s="216" t="s">
        <v>3633</v>
      </c>
      <c r="LJK1" s="216" t="s">
        <v>3633</v>
      </c>
      <c r="LJL1" s="216" t="s">
        <v>3633</v>
      </c>
      <c r="LJM1" s="216" t="s">
        <v>3633</v>
      </c>
      <c r="LJN1" s="216" t="s">
        <v>3633</v>
      </c>
      <c r="LJO1" s="216" t="s">
        <v>3633</v>
      </c>
      <c r="LJP1" s="216" t="s">
        <v>3633</v>
      </c>
      <c r="LJQ1" s="216" t="s">
        <v>3633</v>
      </c>
      <c r="LJR1" s="216" t="s">
        <v>3633</v>
      </c>
      <c r="LJS1" s="216" t="s">
        <v>3633</v>
      </c>
      <c r="LJT1" s="216" t="s">
        <v>3633</v>
      </c>
      <c r="LJU1" s="216" t="s">
        <v>3633</v>
      </c>
      <c r="LJV1" s="216" t="s">
        <v>3633</v>
      </c>
      <c r="LJW1" s="216" t="s">
        <v>3633</v>
      </c>
      <c r="LJX1" s="216" t="s">
        <v>3633</v>
      </c>
      <c r="LJY1" s="216" t="s">
        <v>3633</v>
      </c>
      <c r="LJZ1" s="216" t="s">
        <v>3633</v>
      </c>
      <c r="LKA1" s="216" t="s">
        <v>3633</v>
      </c>
      <c r="LKB1" s="216" t="s">
        <v>3633</v>
      </c>
      <c r="LKC1" s="216" t="s">
        <v>3633</v>
      </c>
      <c r="LKD1" s="216" t="s">
        <v>3633</v>
      </c>
      <c r="LKE1" s="216" t="s">
        <v>3633</v>
      </c>
      <c r="LKF1" s="216" t="s">
        <v>3633</v>
      </c>
      <c r="LKG1" s="216" t="s">
        <v>3633</v>
      </c>
      <c r="LKH1" s="216" t="s">
        <v>3633</v>
      </c>
      <c r="LKI1" s="216" t="s">
        <v>3633</v>
      </c>
      <c r="LKJ1" s="216" t="s">
        <v>3633</v>
      </c>
      <c r="LKK1" s="216" t="s">
        <v>3633</v>
      </c>
      <c r="LKL1" s="216" t="s">
        <v>3633</v>
      </c>
      <c r="LKM1" s="216" t="s">
        <v>3633</v>
      </c>
      <c r="LKN1" s="216" t="s">
        <v>3633</v>
      </c>
      <c r="LKO1" s="216" t="s">
        <v>3633</v>
      </c>
      <c r="LKP1" s="216" t="s">
        <v>3633</v>
      </c>
      <c r="LKQ1" s="216" t="s">
        <v>3633</v>
      </c>
      <c r="LKR1" s="216" t="s">
        <v>3633</v>
      </c>
      <c r="LKS1" s="216" t="s">
        <v>3633</v>
      </c>
      <c r="LKT1" s="216" t="s">
        <v>3633</v>
      </c>
      <c r="LKU1" s="216" t="s">
        <v>3633</v>
      </c>
      <c r="LKV1" s="216" t="s">
        <v>3633</v>
      </c>
      <c r="LKW1" s="216" t="s">
        <v>3633</v>
      </c>
      <c r="LKX1" s="216" t="s">
        <v>3633</v>
      </c>
      <c r="LKY1" s="216" t="s">
        <v>3633</v>
      </c>
      <c r="LKZ1" s="216" t="s">
        <v>3633</v>
      </c>
      <c r="LLA1" s="216" t="s">
        <v>3633</v>
      </c>
      <c r="LLB1" s="216" t="s">
        <v>3633</v>
      </c>
      <c r="LLC1" s="216" t="s">
        <v>3633</v>
      </c>
      <c r="LLD1" s="216" t="s">
        <v>3633</v>
      </c>
      <c r="LLE1" s="216" t="s">
        <v>3633</v>
      </c>
      <c r="LLF1" s="216" t="s">
        <v>3633</v>
      </c>
      <c r="LLG1" s="216" t="s">
        <v>3633</v>
      </c>
      <c r="LLH1" s="216" t="s">
        <v>3633</v>
      </c>
      <c r="LLI1" s="216" t="s">
        <v>3633</v>
      </c>
      <c r="LLJ1" s="216" t="s">
        <v>3633</v>
      </c>
      <c r="LLK1" s="216" t="s">
        <v>3633</v>
      </c>
      <c r="LLL1" s="216" t="s">
        <v>3633</v>
      </c>
      <c r="LLM1" s="216" t="s">
        <v>3633</v>
      </c>
      <c r="LLN1" s="216" t="s">
        <v>3633</v>
      </c>
      <c r="LLO1" s="216" t="s">
        <v>3633</v>
      </c>
      <c r="LLP1" s="216" t="s">
        <v>3633</v>
      </c>
      <c r="LLQ1" s="216" t="s">
        <v>3633</v>
      </c>
      <c r="LLR1" s="216" t="s">
        <v>3633</v>
      </c>
      <c r="LLS1" s="216" t="s">
        <v>3633</v>
      </c>
      <c r="LLT1" s="216" t="s">
        <v>3633</v>
      </c>
      <c r="LLU1" s="216" t="s">
        <v>3633</v>
      </c>
      <c r="LLV1" s="216" t="s">
        <v>3633</v>
      </c>
      <c r="LLW1" s="216" t="s">
        <v>3633</v>
      </c>
      <c r="LLX1" s="216" t="s">
        <v>3633</v>
      </c>
      <c r="LLY1" s="216" t="s">
        <v>3633</v>
      </c>
      <c r="LLZ1" s="216" t="s">
        <v>3633</v>
      </c>
      <c r="LMA1" s="216" t="s">
        <v>3633</v>
      </c>
      <c r="LMB1" s="216" t="s">
        <v>3633</v>
      </c>
      <c r="LMC1" s="216" t="s">
        <v>3633</v>
      </c>
      <c r="LMD1" s="216" t="s">
        <v>3633</v>
      </c>
      <c r="LME1" s="216" t="s">
        <v>3633</v>
      </c>
      <c r="LMF1" s="216" t="s">
        <v>3633</v>
      </c>
      <c r="LMG1" s="216" t="s">
        <v>3633</v>
      </c>
      <c r="LMH1" s="216" t="s">
        <v>3633</v>
      </c>
      <c r="LMI1" s="216" t="s">
        <v>3633</v>
      </c>
      <c r="LMJ1" s="216" t="s">
        <v>3633</v>
      </c>
      <c r="LMK1" s="216" t="s">
        <v>3633</v>
      </c>
      <c r="LML1" s="216" t="s">
        <v>3633</v>
      </c>
      <c r="LMM1" s="216" t="s">
        <v>3633</v>
      </c>
      <c r="LMN1" s="216" t="s">
        <v>3633</v>
      </c>
      <c r="LMO1" s="216" t="s">
        <v>3633</v>
      </c>
      <c r="LMP1" s="216" t="s">
        <v>3633</v>
      </c>
      <c r="LMQ1" s="216" t="s">
        <v>3633</v>
      </c>
      <c r="LMR1" s="216" t="s">
        <v>3633</v>
      </c>
      <c r="LMS1" s="216" t="s">
        <v>3633</v>
      </c>
      <c r="LMT1" s="216" t="s">
        <v>3633</v>
      </c>
      <c r="LMU1" s="216" t="s">
        <v>3633</v>
      </c>
      <c r="LMV1" s="216" t="s">
        <v>3633</v>
      </c>
      <c r="LMW1" s="216" t="s">
        <v>3633</v>
      </c>
      <c r="LMX1" s="216" t="s">
        <v>3633</v>
      </c>
      <c r="LMY1" s="216" t="s">
        <v>3633</v>
      </c>
      <c r="LMZ1" s="216" t="s">
        <v>3633</v>
      </c>
      <c r="LNA1" s="216" t="s">
        <v>3633</v>
      </c>
      <c r="LNB1" s="216" t="s">
        <v>3633</v>
      </c>
      <c r="LNC1" s="216" t="s">
        <v>3633</v>
      </c>
      <c r="LND1" s="216" t="s">
        <v>3633</v>
      </c>
      <c r="LNE1" s="216" t="s">
        <v>3633</v>
      </c>
      <c r="LNF1" s="216" t="s">
        <v>3633</v>
      </c>
      <c r="LNG1" s="216" t="s">
        <v>3633</v>
      </c>
      <c r="LNH1" s="216" t="s">
        <v>3633</v>
      </c>
      <c r="LNI1" s="216" t="s">
        <v>3633</v>
      </c>
      <c r="LNJ1" s="216" t="s">
        <v>3633</v>
      </c>
      <c r="LNK1" s="216" t="s">
        <v>3633</v>
      </c>
      <c r="LNL1" s="216" t="s">
        <v>3633</v>
      </c>
      <c r="LNM1" s="216" t="s">
        <v>3633</v>
      </c>
      <c r="LNN1" s="216" t="s">
        <v>3633</v>
      </c>
      <c r="LNO1" s="216" t="s">
        <v>3633</v>
      </c>
      <c r="LNP1" s="216" t="s">
        <v>3633</v>
      </c>
      <c r="LNQ1" s="216" t="s">
        <v>3633</v>
      </c>
      <c r="LNR1" s="216" t="s">
        <v>3633</v>
      </c>
      <c r="LNS1" s="216" t="s">
        <v>3633</v>
      </c>
      <c r="LNT1" s="216" t="s">
        <v>3633</v>
      </c>
      <c r="LNU1" s="216" t="s">
        <v>3633</v>
      </c>
      <c r="LNV1" s="216" t="s">
        <v>3633</v>
      </c>
      <c r="LNW1" s="216" t="s">
        <v>3633</v>
      </c>
      <c r="LNX1" s="216" t="s">
        <v>3633</v>
      </c>
      <c r="LNY1" s="216" t="s">
        <v>3633</v>
      </c>
      <c r="LNZ1" s="216" t="s">
        <v>3633</v>
      </c>
      <c r="LOA1" s="216" t="s">
        <v>3633</v>
      </c>
      <c r="LOB1" s="216" t="s">
        <v>3633</v>
      </c>
      <c r="LOC1" s="216" t="s">
        <v>3633</v>
      </c>
      <c r="LOD1" s="216" t="s">
        <v>3633</v>
      </c>
      <c r="LOE1" s="216" t="s">
        <v>3633</v>
      </c>
      <c r="LOF1" s="216" t="s">
        <v>3633</v>
      </c>
      <c r="LOG1" s="216" t="s">
        <v>3633</v>
      </c>
      <c r="LOH1" s="216" t="s">
        <v>3633</v>
      </c>
      <c r="LOI1" s="216" t="s">
        <v>3633</v>
      </c>
      <c r="LOJ1" s="216" t="s">
        <v>3633</v>
      </c>
      <c r="LOK1" s="216" t="s">
        <v>3633</v>
      </c>
      <c r="LOL1" s="216" t="s">
        <v>3633</v>
      </c>
      <c r="LOM1" s="216" t="s">
        <v>3633</v>
      </c>
      <c r="LON1" s="216" t="s">
        <v>3633</v>
      </c>
      <c r="LOO1" s="216" t="s">
        <v>3633</v>
      </c>
      <c r="LOP1" s="216" t="s">
        <v>3633</v>
      </c>
      <c r="LOQ1" s="216" t="s">
        <v>3633</v>
      </c>
      <c r="LOR1" s="216" t="s">
        <v>3633</v>
      </c>
      <c r="LOS1" s="216" t="s">
        <v>3633</v>
      </c>
      <c r="LOT1" s="216" t="s">
        <v>3633</v>
      </c>
      <c r="LOU1" s="216" t="s">
        <v>3633</v>
      </c>
      <c r="LOV1" s="216" t="s">
        <v>3633</v>
      </c>
      <c r="LOW1" s="216" t="s">
        <v>3633</v>
      </c>
      <c r="LOX1" s="216" t="s">
        <v>3633</v>
      </c>
      <c r="LOY1" s="216" t="s">
        <v>3633</v>
      </c>
      <c r="LOZ1" s="216" t="s">
        <v>3633</v>
      </c>
      <c r="LPA1" s="216" t="s">
        <v>3633</v>
      </c>
      <c r="LPB1" s="216" t="s">
        <v>3633</v>
      </c>
      <c r="LPC1" s="216" t="s">
        <v>3633</v>
      </c>
      <c r="LPD1" s="216" t="s">
        <v>3633</v>
      </c>
      <c r="LPE1" s="216" t="s">
        <v>3633</v>
      </c>
      <c r="LPF1" s="216" t="s">
        <v>3633</v>
      </c>
      <c r="LPG1" s="216" t="s">
        <v>3633</v>
      </c>
      <c r="LPH1" s="216" t="s">
        <v>3633</v>
      </c>
      <c r="LPI1" s="216" t="s">
        <v>3633</v>
      </c>
      <c r="LPJ1" s="216" t="s">
        <v>3633</v>
      </c>
      <c r="LPK1" s="216" t="s">
        <v>3633</v>
      </c>
      <c r="LPL1" s="216" t="s">
        <v>3633</v>
      </c>
      <c r="LPM1" s="216" t="s">
        <v>3633</v>
      </c>
      <c r="LPN1" s="216" t="s">
        <v>3633</v>
      </c>
      <c r="LPO1" s="216" t="s">
        <v>3633</v>
      </c>
      <c r="LPP1" s="216" t="s">
        <v>3633</v>
      </c>
      <c r="LPQ1" s="216" t="s">
        <v>3633</v>
      </c>
      <c r="LPR1" s="216" t="s">
        <v>3633</v>
      </c>
      <c r="LPS1" s="216" t="s">
        <v>3633</v>
      </c>
      <c r="LPT1" s="216" t="s">
        <v>3633</v>
      </c>
      <c r="LPU1" s="216" t="s">
        <v>3633</v>
      </c>
      <c r="LPV1" s="216" t="s">
        <v>3633</v>
      </c>
      <c r="LPW1" s="216" t="s">
        <v>3633</v>
      </c>
      <c r="LPX1" s="216" t="s">
        <v>3633</v>
      </c>
      <c r="LPY1" s="216" t="s">
        <v>3633</v>
      </c>
      <c r="LPZ1" s="216" t="s">
        <v>3633</v>
      </c>
      <c r="LQA1" s="216" t="s">
        <v>3633</v>
      </c>
      <c r="LQB1" s="216" t="s">
        <v>3633</v>
      </c>
      <c r="LQC1" s="216" t="s">
        <v>3633</v>
      </c>
      <c r="LQD1" s="216" t="s">
        <v>3633</v>
      </c>
      <c r="LQE1" s="216" t="s">
        <v>3633</v>
      </c>
      <c r="LQF1" s="216" t="s">
        <v>3633</v>
      </c>
      <c r="LQG1" s="216" t="s">
        <v>3633</v>
      </c>
      <c r="LQH1" s="216" t="s">
        <v>3633</v>
      </c>
      <c r="LQI1" s="216" t="s">
        <v>3633</v>
      </c>
      <c r="LQJ1" s="216" t="s">
        <v>3633</v>
      </c>
      <c r="LQK1" s="216" t="s">
        <v>3633</v>
      </c>
      <c r="LQL1" s="216" t="s">
        <v>3633</v>
      </c>
      <c r="LQM1" s="216" t="s">
        <v>3633</v>
      </c>
      <c r="LQN1" s="216" t="s">
        <v>3633</v>
      </c>
      <c r="LQO1" s="216" t="s">
        <v>3633</v>
      </c>
      <c r="LQP1" s="216" t="s">
        <v>3633</v>
      </c>
      <c r="LQQ1" s="216" t="s">
        <v>3633</v>
      </c>
      <c r="LQR1" s="216" t="s">
        <v>3633</v>
      </c>
      <c r="LQS1" s="216" t="s">
        <v>3633</v>
      </c>
      <c r="LQT1" s="216" t="s">
        <v>3633</v>
      </c>
      <c r="LQU1" s="216" t="s">
        <v>3633</v>
      </c>
      <c r="LQV1" s="216" t="s">
        <v>3633</v>
      </c>
      <c r="LQW1" s="216" t="s">
        <v>3633</v>
      </c>
      <c r="LQX1" s="216" t="s">
        <v>3633</v>
      </c>
      <c r="LQY1" s="216" t="s">
        <v>3633</v>
      </c>
      <c r="LQZ1" s="216" t="s">
        <v>3633</v>
      </c>
      <c r="LRA1" s="216" t="s">
        <v>3633</v>
      </c>
      <c r="LRB1" s="216" t="s">
        <v>3633</v>
      </c>
      <c r="LRC1" s="216" t="s">
        <v>3633</v>
      </c>
      <c r="LRD1" s="216" t="s">
        <v>3633</v>
      </c>
      <c r="LRE1" s="216" t="s">
        <v>3633</v>
      </c>
      <c r="LRF1" s="216" t="s">
        <v>3633</v>
      </c>
      <c r="LRG1" s="216" t="s">
        <v>3633</v>
      </c>
      <c r="LRH1" s="216" t="s">
        <v>3633</v>
      </c>
      <c r="LRI1" s="216" t="s">
        <v>3633</v>
      </c>
      <c r="LRJ1" s="216" t="s">
        <v>3633</v>
      </c>
      <c r="LRK1" s="216" t="s">
        <v>3633</v>
      </c>
      <c r="LRL1" s="216" t="s">
        <v>3633</v>
      </c>
      <c r="LRM1" s="216" t="s">
        <v>3633</v>
      </c>
      <c r="LRN1" s="216" t="s">
        <v>3633</v>
      </c>
      <c r="LRO1" s="216" t="s">
        <v>3633</v>
      </c>
      <c r="LRP1" s="216" t="s">
        <v>3633</v>
      </c>
      <c r="LRQ1" s="216" t="s">
        <v>3633</v>
      </c>
      <c r="LRR1" s="216" t="s">
        <v>3633</v>
      </c>
      <c r="LRS1" s="216" t="s">
        <v>3633</v>
      </c>
      <c r="LRT1" s="216" t="s">
        <v>3633</v>
      </c>
      <c r="LRU1" s="216" t="s">
        <v>3633</v>
      </c>
      <c r="LRV1" s="216" t="s">
        <v>3633</v>
      </c>
      <c r="LRW1" s="216" t="s">
        <v>3633</v>
      </c>
      <c r="LRX1" s="216" t="s">
        <v>3633</v>
      </c>
      <c r="LRY1" s="216" t="s">
        <v>3633</v>
      </c>
      <c r="LRZ1" s="216" t="s">
        <v>3633</v>
      </c>
      <c r="LSA1" s="216" t="s">
        <v>3633</v>
      </c>
      <c r="LSB1" s="216" t="s">
        <v>3633</v>
      </c>
      <c r="LSC1" s="216" t="s">
        <v>3633</v>
      </c>
      <c r="LSD1" s="216" t="s">
        <v>3633</v>
      </c>
      <c r="LSE1" s="216" t="s">
        <v>3633</v>
      </c>
      <c r="LSF1" s="216" t="s">
        <v>3633</v>
      </c>
      <c r="LSG1" s="216" t="s">
        <v>3633</v>
      </c>
      <c r="LSH1" s="216" t="s">
        <v>3633</v>
      </c>
      <c r="LSI1" s="216" t="s">
        <v>3633</v>
      </c>
      <c r="LSJ1" s="216" t="s">
        <v>3633</v>
      </c>
      <c r="LSK1" s="216" t="s">
        <v>3633</v>
      </c>
      <c r="LSL1" s="216" t="s">
        <v>3633</v>
      </c>
      <c r="LSM1" s="216" t="s">
        <v>3633</v>
      </c>
      <c r="LSN1" s="216" t="s">
        <v>3633</v>
      </c>
      <c r="LSO1" s="216" t="s">
        <v>3633</v>
      </c>
      <c r="LSP1" s="216" t="s">
        <v>3633</v>
      </c>
      <c r="LSQ1" s="216" t="s">
        <v>3633</v>
      </c>
      <c r="LSR1" s="216" t="s">
        <v>3633</v>
      </c>
      <c r="LSS1" s="216" t="s">
        <v>3633</v>
      </c>
      <c r="LST1" s="216" t="s">
        <v>3633</v>
      </c>
      <c r="LSU1" s="216" t="s">
        <v>3633</v>
      </c>
      <c r="LSV1" s="216" t="s">
        <v>3633</v>
      </c>
      <c r="LSW1" s="216" t="s">
        <v>3633</v>
      </c>
      <c r="LSX1" s="216" t="s">
        <v>3633</v>
      </c>
      <c r="LSY1" s="216" t="s">
        <v>3633</v>
      </c>
      <c r="LSZ1" s="216" t="s">
        <v>3633</v>
      </c>
      <c r="LTA1" s="216" t="s">
        <v>3633</v>
      </c>
      <c r="LTB1" s="216" t="s">
        <v>3633</v>
      </c>
      <c r="LTC1" s="216" t="s">
        <v>3633</v>
      </c>
      <c r="LTD1" s="216" t="s">
        <v>3633</v>
      </c>
      <c r="LTE1" s="216" t="s">
        <v>3633</v>
      </c>
      <c r="LTF1" s="216" t="s">
        <v>3633</v>
      </c>
      <c r="LTG1" s="216" t="s">
        <v>3633</v>
      </c>
      <c r="LTH1" s="216" t="s">
        <v>3633</v>
      </c>
      <c r="LTI1" s="216" t="s">
        <v>3633</v>
      </c>
      <c r="LTJ1" s="216" t="s">
        <v>3633</v>
      </c>
      <c r="LTK1" s="216" t="s">
        <v>3633</v>
      </c>
      <c r="LTL1" s="216" t="s">
        <v>3633</v>
      </c>
      <c r="LTM1" s="216" t="s">
        <v>3633</v>
      </c>
      <c r="LTN1" s="216" t="s">
        <v>3633</v>
      </c>
      <c r="LTO1" s="216" t="s">
        <v>3633</v>
      </c>
      <c r="LTP1" s="216" t="s">
        <v>3633</v>
      </c>
      <c r="LTQ1" s="216" t="s">
        <v>3633</v>
      </c>
      <c r="LTR1" s="216" t="s">
        <v>3633</v>
      </c>
      <c r="LTS1" s="216" t="s">
        <v>3633</v>
      </c>
      <c r="LTT1" s="216" t="s">
        <v>3633</v>
      </c>
      <c r="LTU1" s="216" t="s">
        <v>3633</v>
      </c>
      <c r="LTV1" s="216" t="s">
        <v>3633</v>
      </c>
      <c r="LTW1" s="216" t="s">
        <v>3633</v>
      </c>
      <c r="LTX1" s="216" t="s">
        <v>3633</v>
      </c>
      <c r="LTY1" s="216" t="s">
        <v>3633</v>
      </c>
      <c r="LTZ1" s="216" t="s">
        <v>3633</v>
      </c>
      <c r="LUA1" s="216" t="s">
        <v>3633</v>
      </c>
      <c r="LUB1" s="216" t="s">
        <v>3633</v>
      </c>
      <c r="LUC1" s="216" t="s">
        <v>3633</v>
      </c>
      <c r="LUD1" s="216" t="s">
        <v>3633</v>
      </c>
      <c r="LUE1" s="216" t="s">
        <v>3633</v>
      </c>
      <c r="LUF1" s="216" t="s">
        <v>3633</v>
      </c>
      <c r="LUG1" s="216" t="s">
        <v>3633</v>
      </c>
      <c r="LUH1" s="216" t="s">
        <v>3633</v>
      </c>
      <c r="LUI1" s="216" t="s">
        <v>3633</v>
      </c>
      <c r="LUJ1" s="216" t="s">
        <v>3633</v>
      </c>
      <c r="LUK1" s="216" t="s">
        <v>3633</v>
      </c>
      <c r="LUL1" s="216" t="s">
        <v>3633</v>
      </c>
      <c r="LUM1" s="216" t="s">
        <v>3633</v>
      </c>
      <c r="LUN1" s="216" t="s">
        <v>3633</v>
      </c>
      <c r="LUO1" s="216" t="s">
        <v>3633</v>
      </c>
      <c r="LUP1" s="216" t="s">
        <v>3633</v>
      </c>
      <c r="LUQ1" s="216" t="s">
        <v>3633</v>
      </c>
      <c r="LUR1" s="216" t="s">
        <v>3633</v>
      </c>
      <c r="LUS1" s="216" t="s">
        <v>3633</v>
      </c>
      <c r="LUT1" s="216" t="s">
        <v>3633</v>
      </c>
      <c r="LUU1" s="216" t="s">
        <v>3633</v>
      </c>
      <c r="LUV1" s="216" t="s">
        <v>3633</v>
      </c>
      <c r="LUW1" s="216" t="s">
        <v>3633</v>
      </c>
      <c r="LUX1" s="216" t="s">
        <v>3633</v>
      </c>
      <c r="LUY1" s="216" t="s">
        <v>3633</v>
      </c>
      <c r="LUZ1" s="216" t="s">
        <v>3633</v>
      </c>
      <c r="LVA1" s="216" t="s">
        <v>3633</v>
      </c>
      <c r="LVB1" s="216" t="s">
        <v>3633</v>
      </c>
      <c r="LVC1" s="216" t="s">
        <v>3633</v>
      </c>
      <c r="LVD1" s="216" t="s">
        <v>3633</v>
      </c>
      <c r="LVE1" s="216" t="s">
        <v>3633</v>
      </c>
      <c r="LVF1" s="216" t="s">
        <v>3633</v>
      </c>
      <c r="LVG1" s="216" t="s">
        <v>3633</v>
      </c>
      <c r="LVH1" s="216" t="s">
        <v>3633</v>
      </c>
      <c r="LVI1" s="216" t="s">
        <v>3633</v>
      </c>
      <c r="LVJ1" s="216" t="s">
        <v>3633</v>
      </c>
      <c r="LVK1" s="216" t="s">
        <v>3633</v>
      </c>
      <c r="LVL1" s="216" t="s">
        <v>3633</v>
      </c>
      <c r="LVM1" s="216" t="s">
        <v>3633</v>
      </c>
      <c r="LVN1" s="216" t="s">
        <v>3633</v>
      </c>
      <c r="LVO1" s="216" t="s">
        <v>3633</v>
      </c>
      <c r="LVP1" s="216" t="s">
        <v>3633</v>
      </c>
      <c r="LVQ1" s="216" t="s">
        <v>3633</v>
      </c>
      <c r="LVR1" s="216" t="s">
        <v>3633</v>
      </c>
      <c r="LVS1" s="216" t="s">
        <v>3633</v>
      </c>
      <c r="LVT1" s="216" t="s">
        <v>3633</v>
      </c>
      <c r="LVU1" s="216" t="s">
        <v>3633</v>
      </c>
      <c r="LVV1" s="216" t="s">
        <v>3633</v>
      </c>
      <c r="LVW1" s="216" t="s">
        <v>3633</v>
      </c>
      <c r="LVX1" s="216" t="s">
        <v>3633</v>
      </c>
      <c r="LVY1" s="216" t="s">
        <v>3633</v>
      </c>
      <c r="LVZ1" s="216" t="s">
        <v>3633</v>
      </c>
      <c r="LWA1" s="216" t="s">
        <v>3633</v>
      </c>
      <c r="LWB1" s="216" t="s">
        <v>3633</v>
      </c>
      <c r="LWC1" s="216" t="s">
        <v>3633</v>
      </c>
      <c r="LWD1" s="216" t="s">
        <v>3633</v>
      </c>
      <c r="LWE1" s="216" t="s">
        <v>3633</v>
      </c>
      <c r="LWF1" s="216" t="s">
        <v>3633</v>
      </c>
      <c r="LWG1" s="216" t="s">
        <v>3633</v>
      </c>
      <c r="LWH1" s="216" t="s">
        <v>3633</v>
      </c>
      <c r="LWI1" s="216" t="s">
        <v>3633</v>
      </c>
      <c r="LWJ1" s="216" t="s">
        <v>3633</v>
      </c>
      <c r="LWK1" s="216" t="s">
        <v>3633</v>
      </c>
      <c r="LWL1" s="216" t="s">
        <v>3633</v>
      </c>
      <c r="LWM1" s="216" t="s">
        <v>3633</v>
      </c>
      <c r="LWN1" s="216" t="s">
        <v>3633</v>
      </c>
      <c r="LWO1" s="216" t="s">
        <v>3633</v>
      </c>
      <c r="LWP1" s="216" t="s">
        <v>3633</v>
      </c>
      <c r="LWQ1" s="216" t="s">
        <v>3633</v>
      </c>
      <c r="LWR1" s="216" t="s">
        <v>3633</v>
      </c>
      <c r="LWS1" s="216" t="s">
        <v>3633</v>
      </c>
      <c r="LWT1" s="216" t="s">
        <v>3633</v>
      </c>
      <c r="LWU1" s="216" t="s">
        <v>3633</v>
      </c>
      <c r="LWV1" s="216" t="s">
        <v>3633</v>
      </c>
      <c r="LWW1" s="216" t="s">
        <v>3633</v>
      </c>
      <c r="LWX1" s="216" t="s">
        <v>3633</v>
      </c>
      <c r="LWY1" s="216" t="s">
        <v>3633</v>
      </c>
      <c r="LWZ1" s="216" t="s">
        <v>3633</v>
      </c>
      <c r="LXA1" s="216" t="s">
        <v>3633</v>
      </c>
      <c r="LXB1" s="216" t="s">
        <v>3633</v>
      </c>
      <c r="LXC1" s="216" t="s">
        <v>3633</v>
      </c>
      <c r="LXD1" s="216" t="s">
        <v>3633</v>
      </c>
      <c r="LXE1" s="216" t="s">
        <v>3633</v>
      </c>
      <c r="LXF1" s="216" t="s">
        <v>3633</v>
      </c>
      <c r="LXG1" s="216" t="s">
        <v>3633</v>
      </c>
      <c r="LXH1" s="216" t="s">
        <v>3633</v>
      </c>
      <c r="LXI1" s="216" t="s">
        <v>3633</v>
      </c>
      <c r="LXJ1" s="216" t="s">
        <v>3633</v>
      </c>
      <c r="LXK1" s="216" t="s">
        <v>3633</v>
      </c>
      <c r="LXL1" s="216" t="s">
        <v>3633</v>
      </c>
      <c r="LXM1" s="216" t="s">
        <v>3633</v>
      </c>
      <c r="LXN1" s="216" t="s">
        <v>3633</v>
      </c>
      <c r="LXO1" s="216" t="s">
        <v>3633</v>
      </c>
      <c r="LXP1" s="216" t="s">
        <v>3633</v>
      </c>
      <c r="LXQ1" s="216" t="s">
        <v>3633</v>
      </c>
      <c r="LXR1" s="216" t="s">
        <v>3633</v>
      </c>
      <c r="LXS1" s="216" t="s">
        <v>3633</v>
      </c>
      <c r="LXT1" s="216" t="s">
        <v>3633</v>
      </c>
      <c r="LXU1" s="216" t="s">
        <v>3633</v>
      </c>
      <c r="LXV1" s="216" t="s">
        <v>3633</v>
      </c>
      <c r="LXW1" s="216" t="s">
        <v>3633</v>
      </c>
      <c r="LXX1" s="216" t="s">
        <v>3633</v>
      </c>
      <c r="LXY1" s="216" t="s">
        <v>3633</v>
      </c>
      <c r="LXZ1" s="216" t="s">
        <v>3633</v>
      </c>
      <c r="LYA1" s="216" t="s">
        <v>3633</v>
      </c>
      <c r="LYB1" s="216" t="s">
        <v>3633</v>
      </c>
      <c r="LYC1" s="216" t="s">
        <v>3633</v>
      </c>
      <c r="LYD1" s="216" t="s">
        <v>3633</v>
      </c>
      <c r="LYE1" s="216" t="s">
        <v>3633</v>
      </c>
      <c r="LYF1" s="216" t="s">
        <v>3633</v>
      </c>
      <c r="LYG1" s="216" t="s">
        <v>3633</v>
      </c>
      <c r="LYH1" s="216" t="s">
        <v>3633</v>
      </c>
      <c r="LYI1" s="216" t="s">
        <v>3633</v>
      </c>
      <c r="LYJ1" s="216" t="s">
        <v>3633</v>
      </c>
      <c r="LYK1" s="216" t="s">
        <v>3633</v>
      </c>
      <c r="LYL1" s="216" t="s">
        <v>3633</v>
      </c>
      <c r="LYM1" s="216" t="s">
        <v>3633</v>
      </c>
      <c r="LYN1" s="216" t="s">
        <v>3633</v>
      </c>
      <c r="LYO1" s="216" t="s">
        <v>3633</v>
      </c>
      <c r="LYP1" s="216" t="s">
        <v>3633</v>
      </c>
      <c r="LYQ1" s="216" t="s">
        <v>3633</v>
      </c>
      <c r="LYR1" s="216" t="s">
        <v>3633</v>
      </c>
      <c r="LYS1" s="216" t="s">
        <v>3633</v>
      </c>
      <c r="LYT1" s="216" t="s">
        <v>3633</v>
      </c>
      <c r="LYU1" s="216" t="s">
        <v>3633</v>
      </c>
      <c r="LYV1" s="216" t="s">
        <v>3633</v>
      </c>
      <c r="LYW1" s="216" t="s">
        <v>3633</v>
      </c>
      <c r="LYX1" s="216" t="s">
        <v>3633</v>
      </c>
      <c r="LYY1" s="216" t="s">
        <v>3633</v>
      </c>
      <c r="LYZ1" s="216" t="s">
        <v>3633</v>
      </c>
      <c r="LZA1" s="216" t="s">
        <v>3633</v>
      </c>
      <c r="LZB1" s="216" t="s">
        <v>3633</v>
      </c>
      <c r="LZC1" s="216" t="s">
        <v>3633</v>
      </c>
      <c r="LZD1" s="216" t="s">
        <v>3633</v>
      </c>
      <c r="LZE1" s="216" t="s">
        <v>3633</v>
      </c>
      <c r="LZF1" s="216" t="s">
        <v>3633</v>
      </c>
      <c r="LZG1" s="216" t="s">
        <v>3633</v>
      </c>
      <c r="LZH1" s="216" t="s">
        <v>3633</v>
      </c>
      <c r="LZI1" s="216" t="s">
        <v>3633</v>
      </c>
      <c r="LZJ1" s="216" t="s">
        <v>3633</v>
      </c>
      <c r="LZK1" s="216" t="s">
        <v>3633</v>
      </c>
      <c r="LZL1" s="216" t="s">
        <v>3633</v>
      </c>
      <c r="LZM1" s="216" t="s">
        <v>3633</v>
      </c>
      <c r="LZN1" s="216" t="s">
        <v>3633</v>
      </c>
      <c r="LZO1" s="216" t="s">
        <v>3633</v>
      </c>
      <c r="LZP1" s="216" t="s">
        <v>3633</v>
      </c>
      <c r="LZQ1" s="216" t="s">
        <v>3633</v>
      </c>
      <c r="LZR1" s="216" t="s">
        <v>3633</v>
      </c>
      <c r="LZS1" s="216" t="s">
        <v>3633</v>
      </c>
      <c r="LZT1" s="216" t="s">
        <v>3633</v>
      </c>
      <c r="LZU1" s="216" t="s">
        <v>3633</v>
      </c>
      <c r="LZV1" s="216" t="s">
        <v>3633</v>
      </c>
      <c r="LZW1" s="216" t="s">
        <v>3633</v>
      </c>
      <c r="LZX1" s="216" t="s">
        <v>3633</v>
      </c>
      <c r="LZY1" s="216" t="s">
        <v>3633</v>
      </c>
      <c r="LZZ1" s="216" t="s">
        <v>3633</v>
      </c>
      <c r="MAA1" s="216" t="s">
        <v>3633</v>
      </c>
      <c r="MAB1" s="216" t="s">
        <v>3633</v>
      </c>
      <c r="MAC1" s="216" t="s">
        <v>3633</v>
      </c>
      <c r="MAD1" s="216" t="s">
        <v>3633</v>
      </c>
      <c r="MAE1" s="216" t="s">
        <v>3633</v>
      </c>
      <c r="MAF1" s="216" t="s">
        <v>3633</v>
      </c>
      <c r="MAG1" s="216" t="s">
        <v>3633</v>
      </c>
      <c r="MAH1" s="216" t="s">
        <v>3633</v>
      </c>
      <c r="MAI1" s="216" t="s">
        <v>3633</v>
      </c>
      <c r="MAJ1" s="216" t="s">
        <v>3633</v>
      </c>
      <c r="MAK1" s="216" t="s">
        <v>3633</v>
      </c>
      <c r="MAL1" s="216" t="s">
        <v>3633</v>
      </c>
      <c r="MAM1" s="216" t="s">
        <v>3633</v>
      </c>
      <c r="MAN1" s="216" t="s">
        <v>3633</v>
      </c>
      <c r="MAO1" s="216" t="s">
        <v>3633</v>
      </c>
      <c r="MAP1" s="216" t="s">
        <v>3633</v>
      </c>
      <c r="MAQ1" s="216" t="s">
        <v>3633</v>
      </c>
      <c r="MAR1" s="216" t="s">
        <v>3633</v>
      </c>
      <c r="MAS1" s="216" t="s">
        <v>3633</v>
      </c>
      <c r="MAT1" s="216" t="s">
        <v>3633</v>
      </c>
      <c r="MAU1" s="216" t="s">
        <v>3633</v>
      </c>
      <c r="MAV1" s="216" t="s">
        <v>3633</v>
      </c>
      <c r="MAW1" s="216" t="s">
        <v>3633</v>
      </c>
      <c r="MAX1" s="216" t="s">
        <v>3633</v>
      </c>
      <c r="MAY1" s="216" t="s">
        <v>3633</v>
      </c>
      <c r="MAZ1" s="216" t="s">
        <v>3633</v>
      </c>
      <c r="MBA1" s="216" t="s">
        <v>3633</v>
      </c>
      <c r="MBB1" s="216" t="s">
        <v>3633</v>
      </c>
      <c r="MBC1" s="216" t="s">
        <v>3633</v>
      </c>
      <c r="MBD1" s="216" t="s">
        <v>3633</v>
      </c>
      <c r="MBE1" s="216" t="s">
        <v>3633</v>
      </c>
      <c r="MBF1" s="216" t="s">
        <v>3633</v>
      </c>
      <c r="MBG1" s="216" t="s">
        <v>3633</v>
      </c>
      <c r="MBH1" s="216" t="s">
        <v>3633</v>
      </c>
      <c r="MBI1" s="216" t="s">
        <v>3633</v>
      </c>
      <c r="MBJ1" s="216" t="s">
        <v>3633</v>
      </c>
      <c r="MBK1" s="216" t="s">
        <v>3633</v>
      </c>
      <c r="MBL1" s="216" t="s">
        <v>3633</v>
      </c>
      <c r="MBM1" s="216" t="s">
        <v>3633</v>
      </c>
      <c r="MBN1" s="216" t="s">
        <v>3633</v>
      </c>
      <c r="MBO1" s="216" t="s">
        <v>3633</v>
      </c>
      <c r="MBP1" s="216" t="s">
        <v>3633</v>
      </c>
      <c r="MBQ1" s="216" t="s">
        <v>3633</v>
      </c>
      <c r="MBR1" s="216" t="s">
        <v>3633</v>
      </c>
      <c r="MBS1" s="216" t="s">
        <v>3633</v>
      </c>
      <c r="MBT1" s="216" t="s">
        <v>3633</v>
      </c>
      <c r="MBU1" s="216" t="s">
        <v>3633</v>
      </c>
      <c r="MBV1" s="216" t="s">
        <v>3633</v>
      </c>
      <c r="MBW1" s="216" t="s">
        <v>3633</v>
      </c>
      <c r="MBX1" s="216" t="s">
        <v>3633</v>
      </c>
      <c r="MBY1" s="216" t="s">
        <v>3633</v>
      </c>
      <c r="MBZ1" s="216" t="s">
        <v>3633</v>
      </c>
      <c r="MCA1" s="216" t="s">
        <v>3633</v>
      </c>
      <c r="MCB1" s="216" t="s">
        <v>3633</v>
      </c>
      <c r="MCC1" s="216" t="s">
        <v>3633</v>
      </c>
      <c r="MCD1" s="216" t="s">
        <v>3633</v>
      </c>
      <c r="MCE1" s="216" t="s">
        <v>3633</v>
      </c>
      <c r="MCF1" s="216" t="s">
        <v>3633</v>
      </c>
      <c r="MCG1" s="216" t="s">
        <v>3633</v>
      </c>
      <c r="MCH1" s="216" t="s">
        <v>3633</v>
      </c>
      <c r="MCI1" s="216" t="s">
        <v>3633</v>
      </c>
      <c r="MCJ1" s="216" t="s">
        <v>3633</v>
      </c>
      <c r="MCK1" s="216" t="s">
        <v>3633</v>
      </c>
      <c r="MCL1" s="216" t="s">
        <v>3633</v>
      </c>
      <c r="MCM1" s="216" t="s">
        <v>3633</v>
      </c>
      <c r="MCN1" s="216" t="s">
        <v>3633</v>
      </c>
      <c r="MCO1" s="216" t="s">
        <v>3633</v>
      </c>
      <c r="MCP1" s="216" t="s">
        <v>3633</v>
      </c>
      <c r="MCQ1" s="216" t="s">
        <v>3633</v>
      </c>
      <c r="MCR1" s="216" t="s">
        <v>3633</v>
      </c>
      <c r="MCS1" s="216" t="s">
        <v>3633</v>
      </c>
      <c r="MCT1" s="216" t="s">
        <v>3633</v>
      </c>
      <c r="MCU1" s="216" t="s">
        <v>3633</v>
      </c>
      <c r="MCV1" s="216" t="s">
        <v>3633</v>
      </c>
      <c r="MCW1" s="216" t="s">
        <v>3633</v>
      </c>
      <c r="MCX1" s="216" t="s">
        <v>3633</v>
      </c>
      <c r="MCY1" s="216" t="s">
        <v>3633</v>
      </c>
      <c r="MCZ1" s="216" t="s">
        <v>3633</v>
      </c>
      <c r="MDA1" s="216" t="s">
        <v>3633</v>
      </c>
      <c r="MDB1" s="216" t="s">
        <v>3633</v>
      </c>
      <c r="MDC1" s="216" t="s">
        <v>3633</v>
      </c>
      <c r="MDD1" s="216" t="s">
        <v>3633</v>
      </c>
      <c r="MDE1" s="216" t="s">
        <v>3633</v>
      </c>
      <c r="MDF1" s="216" t="s">
        <v>3633</v>
      </c>
      <c r="MDG1" s="216" t="s">
        <v>3633</v>
      </c>
      <c r="MDH1" s="216" t="s">
        <v>3633</v>
      </c>
      <c r="MDI1" s="216" t="s">
        <v>3633</v>
      </c>
      <c r="MDJ1" s="216" t="s">
        <v>3633</v>
      </c>
      <c r="MDK1" s="216" t="s">
        <v>3633</v>
      </c>
      <c r="MDL1" s="216" t="s">
        <v>3633</v>
      </c>
      <c r="MDM1" s="216" t="s">
        <v>3633</v>
      </c>
      <c r="MDN1" s="216" t="s">
        <v>3633</v>
      </c>
      <c r="MDO1" s="216" t="s">
        <v>3633</v>
      </c>
      <c r="MDP1" s="216" t="s">
        <v>3633</v>
      </c>
      <c r="MDQ1" s="216" t="s">
        <v>3633</v>
      </c>
      <c r="MDR1" s="216" t="s">
        <v>3633</v>
      </c>
      <c r="MDS1" s="216" t="s">
        <v>3633</v>
      </c>
      <c r="MDT1" s="216" t="s">
        <v>3633</v>
      </c>
      <c r="MDU1" s="216" t="s">
        <v>3633</v>
      </c>
      <c r="MDV1" s="216" t="s">
        <v>3633</v>
      </c>
      <c r="MDW1" s="216" t="s">
        <v>3633</v>
      </c>
      <c r="MDX1" s="216" t="s">
        <v>3633</v>
      </c>
      <c r="MDY1" s="216" t="s">
        <v>3633</v>
      </c>
      <c r="MDZ1" s="216" t="s">
        <v>3633</v>
      </c>
      <c r="MEA1" s="216" t="s">
        <v>3633</v>
      </c>
      <c r="MEB1" s="216" t="s">
        <v>3633</v>
      </c>
      <c r="MEC1" s="216" t="s">
        <v>3633</v>
      </c>
      <c r="MED1" s="216" t="s">
        <v>3633</v>
      </c>
      <c r="MEE1" s="216" t="s">
        <v>3633</v>
      </c>
      <c r="MEF1" s="216" t="s">
        <v>3633</v>
      </c>
      <c r="MEG1" s="216" t="s">
        <v>3633</v>
      </c>
      <c r="MEH1" s="216" t="s">
        <v>3633</v>
      </c>
      <c r="MEI1" s="216" t="s">
        <v>3633</v>
      </c>
      <c r="MEJ1" s="216" t="s">
        <v>3633</v>
      </c>
      <c r="MEK1" s="216" t="s">
        <v>3633</v>
      </c>
      <c r="MEL1" s="216" t="s">
        <v>3633</v>
      </c>
      <c r="MEM1" s="216" t="s">
        <v>3633</v>
      </c>
      <c r="MEN1" s="216" t="s">
        <v>3633</v>
      </c>
      <c r="MEO1" s="216" t="s">
        <v>3633</v>
      </c>
      <c r="MEP1" s="216" t="s">
        <v>3633</v>
      </c>
      <c r="MEQ1" s="216" t="s">
        <v>3633</v>
      </c>
      <c r="MER1" s="216" t="s">
        <v>3633</v>
      </c>
      <c r="MES1" s="216" t="s">
        <v>3633</v>
      </c>
      <c r="MET1" s="216" t="s">
        <v>3633</v>
      </c>
      <c r="MEU1" s="216" t="s">
        <v>3633</v>
      </c>
      <c r="MEV1" s="216" t="s">
        <v>3633</v>
      </c>
      <c r="MEW1" s="216" t="s">
        <v>3633</v>
      </c>
      <c r="MEX1" s="216" t="s">
        <v>3633</v>
      </c>
      <c r="MEY1" s="216" t="s">
        <v>3633</v>
      </c>
      <c r="MEZ1" s="216" t="s">
        <v>3633</v>
      </c>
      <c r="MFA1" s="216" t="s">
        <v>3633</v>
      </c>
      <c r="MFB1" s="216" t="s">
        <v>3633</v>
      </c>
      <c r="MFC1" s="216" t="s">
        <v>3633</v>
      </c>
      <c r="MFD1" s="216" t="s">
        <v>3633</v>
      </c>
      <c r="MFE1" s="216" t="s">
        <v>3633</v>
      </c>
      <c r="MFF1" s="216" t="s">
        <v>3633</v>
      </c>
      <c r="MFG1" s="216" t="s">
        <v>3633</v>
      </c>
      <c r="MFH1" s="216" t="s">
        <v>3633</v>
      </c>
      <c r="MFI1" s="216" t="s">
        <v>3633</v>
      </c>
      <c r="MFJ1" s="216" t="s">
        <v>3633</v>
      </c>
      <c r="MFK1" s="216" t="s">
        <v>3633</v>
      </c>
      <c r="MFL1" s="216" t="s">
        <v>3633</v>
      </c>
      <c r="MFM1" s="216" t="s">
        <v>3633</v>
      </c>
      <c r="MFN1" s="216" t="s">
        <v>3633</v>
      </c>
      <c r="MFO1" s="216" t="s">
        <v>3633</v>
      </c>
      <c r="MFP1" s="216" t="s">
        <v>3633</v>
      </c>
      <c r="MFQ1" s="216" t="s">
        <v>3633</v>
      </c>
      <c r="MFR1" s="216" t="s">
        <v>3633</v>
      </c>
      <c r="MFS1" s="216" t="s">
        <v>3633</v>
      </c>
      <c r="MFT1" s="216" t="s">
        <v>3633</v>
      </c>
      <c r="MFU1" s="216" t="s">
        <v>3633</v>
      </c>
      <c r="MFV1" s="216" t="s">
        <v>3633</v>
      </c>
      <c r="MFW1" s="216" t="s">
        <v>3633</v>
      </c>
      <c r="MFX1" s="216" t="s">
        <v>3633</v>
      </c>
      <c r="MFY1" s="216" t="s">
        <v>3633</v>
      </c>
      <c r="MFZ1" s="216" t="s">
        <v>3633</v>
      </c>
      <c r="MGA1" s="216" t="s">
        <v>3633</v>
      </c>
      <c r="MGB1" s="216" t="s">
        <v>3633</v>
      </c>
      <c r="MGC1" s="216" t="s">
        <v>3633</v>
      </c>
      <c r="MGD1" s="216" t="s">
        <v>3633</v>
      </c>
      <c r="MGE1" s="216" t="s">
        <v>3633</v>
      </c>
      <c r="MGF1" s="216" t="s">
        <v>3633</v>
      </c>
      <c r="MGG1" s="216" t="s">
        <v>3633</v>
      </c>
      <c r="MGH1" s="216" t="s">
        <v>3633</v>
      </c>
      <c r="MGI1" s="216" t="s">
        <v>3633</v>
      </c>
      <c r="MGJ1" s="216" t="s">
        <v>3633</v>
      </c>
      <c r="MGK1" s="216" t="s">
        <v>3633</v>
      </c>
      <c r="MGL1" s="216" t="s">
        <v>3633</v>
      </c>
      <c r="MGM1" s="216" t="s">
        <v>3633</v>
      </c>
      <c r="MGN1" s="216" t="s">
        <v>3633</v>
      </c>
      <c r="MGO1" s="216" t="s">
        <v>3633</v>
      </c>
      <c r="MGP1" s="216" t="s">
        <v>3633</v>
      </c>
      <c r="MGQ1" s="216" t="s">
        <v>3633</v>
      </c>
      <c r="MGR1" s="216" t="s">
        <v>3633</v>
      </c>
      <c r="MGS1" s="216" t="s">
        <v>3633</v>
      </c>
      <c r="MGT1" s="216" t="s">
        <v>3633</v>
      </c>
      <c r="MGU1" s="216" t="s">
        <v>3633</v>
      </c>
      <c r="MGV1" s="216" t="s">
        <v>3633</v>
      </c>
      <c r="MGW1" s="216" t="s">
        <v>3633</v>
      </c>
      <c r="MGX1" s="216" t="s">
        <v>3633</v>
      </c>
      <c r="MGY1" s="216" t="s">
        <v>3633</v>
      </c>
      <c r="MGZ1" s="216" t="s">
        <v>3633</v>
      </c>
      <c r="MHA1" s="216" t="s">
        <v>3633</v>
      </c>
      <c r="MHB1" s="216" t="s">
        <v>3633</v>
      </c>
      <c r="MHC1" s="216" t="s">
        <v>3633</v>
      </c>
      <c r="MHD1" s="216" t="s">
        <v>3633</v>
      </c>
      <c r="MHE1" s="216" t="s">
        <v>3633</v>
      </c>
      <c r="MHF1" s="216" t="s">
        <v>3633</v>
      </c>
      <c r="MHG1" s="216" t="s">
        <v>3633</v>
      </c>
      <c r="MHH1" s="216" t="s">
        <v>3633</v>
      </c>
      <c r="MHI1" s="216" t="s">
        <v>3633</v>
      </c>
      <c r="MHJ1" s="216" t="s">
        <v>3633</v>
      </c>
      <c r="MHK1" s="216" t="s">
        <v>3633</v>
      </c>
      <c r="MHL1" s="216" t="s">
        <v>3633</v>
      </c>
      <c r="MHM1" s="216" t="s">
        <v>3633</v>
      </c>
      <c r="MHN1" s="216" t="s">
        <v>3633</v>
      </c>
      <c r="MHO1" s="216" t="s">
        <v>3633</v>
      </c>
      <c r="MHP1" s="216" t="s">
        <v>3633</v>
      </c>
      <c r="MHQ1" s="216" t="s">
        <v>3633</v>
      </c>
      <c r="MHR1" s="216" t="s">
        <v>3633</v>
      </c>
      <c r="MHS1" s="216" t="s">
        <v>3633</v>
      </c>
      <c r="MHT1" s="216" t="s">
        <v>3633</v>
      </c>
      <c r="MHU1" s="216" t="s">
        <v>3633</v>
      </c>
      <c r="MHV1" s="216" t="s">
        <v>3633</v>
      </c>
      <c r="MHW1" s="216" t="s">
        <v>3633</v>
      </c>
      <c r="MHX1" s="216" t="s">
        <v>3633</v>
      </c>
      <c r="MHY1" s="216" t="s">
        <v>3633</v>
      </c>
      <c r="MHZ1" s="216" t="s">
        <v>3633</v>
      </c>
      <c r="MIA1" s="216" t="s">
        <v>3633</v>
      </c>
      <c r="MIB1" s="216" t="s">
        <v>3633</v>
      </c>
      <c r="MIC1" s="216" t="s">
        <v>3633</v>
      </c>
      <c r="MID1" s="216" t="s">
        <v>3633</v>
      </c>
      <c r="MIE1" s="216" t="s">
        <v>3633</v>
      </c>
      <c r="MIF1" s="216" t="s">
        <v>3633</v>
      </c>
      <c r="MIG1" s="216" t="s">
        <v>3633</v>
      </c>
      <c r="MIH1" s="216" t="s">
        <v>3633</v>
      </c>
      <c r="MII1" s="216" t="s">
        <v>3633</v>
      </c>
      <c r="MIJ1" s="216" t="s">
        <v>3633</v>
      </c>
      <c r="MIK1" s="216" t="s">
        <v>3633</v>
      </c>
      <c r="MIL1" s="216" t="s">
        <v>3633</v>
      </c>
      <c r="MIM1" s="216" t="s">
        <v>3633</v>
      </c>
      <c r="MIN1" s="216" t="s">
        <v>3633</v>
      </c>
      <c r="MIO1" s="216" t="s">
        <v>3633</v>
      </c>
      <c r="MIP1" s="216" t="s">
        <v>3633</v>
      </c>
      <c r="MIQ1" s="216" t="s">
        <v>3633</v>
      </c>
      <c r="MIR1" s="216" t="s">
        <v>3633</v>
      </c>
      <c r="MIS1" s="216" t="s">
        <v>3633</v>
      </c>
      <c r="MIT1" s="216" t="s">
        <v>3633</v>
      </c>
      <c r="MIU1" s="216" t="s">
        <v>3633</v>
      </c>
      <c r="MIV1" s="216" t="s">
        <v>3633</v>
      </c>
      <c r="MIW1" s="216" t="s">
        <v>3633</v>
      </c>
      <c r="MIX1" s="216" t="s">
        <v>3633</v>
      </c>
      <c r="MIY1" s="216" t="s">
        <v>3633</v>
      </c>
      <c r="MIZ1" s="216" t="s">
        <v>3633</v>
      </c>
      <c r="MJA1" s="216" t="s">
        <v>3633</v>
      </c>
      <c r="MJB1" s="216" t="s">
        <v>3633</v>
      </c>
      <c r="MJC1" s="216" t="s">
        <v>3633</v>
      </c>
      <c r="MJD1" s="216" t="s">
        <v>3633</v>
      </c>
      <c r="MJE1" s="216" t="s">
        <v>3633</v>
      </c>
      <c r="MJF1" s="216" t="s">
        <v>3633</v>
      </c>
      <c r="MJG1" s="216" t="s">
        <v>3633</v>
      </c>
      <c r="MJH1" s="216" t="s">
        <v>3633</v>
      </c>
      <c r="MJI1" s="216" t="s">
        <v>3633</v>
      </c>
      <c r="MJJ1" s="216" t="s">
        <v>3633</v>
      </c>
      <c r="MJK1" s="216" t="s">
        <v>3633</v>
      </c>
      <c r="MJL1" s="216" t="s">
        <v>3633</v>
      </c>
      <c r="MJM1" s="216" t="s">
        <v>3633</v>
      </c>
      <c r="MJN1" s="216" t="s">
        <v>3633</v>
      </c>
      <c r="MJO1" s="216" t="s">
        <v>3633</v>
      </c>
      <c r="MJP1" s="216" t="s">
        <v>3633</v>
      </c>
      <c r="MJQ1" s="216" t="s">
        <v>3633</v>
      </c>
      <c r="MJR1" s="216" t="s">
        <v>3633</v>
      </c>
      <c r="MJS1" s="216" t="s">
        <v>3633</v>
      </c>
      <c r="MJT1" s="216" t="s">
        <v>3633</v>
      </c>
      <c r="MJU1" s="216" t="s">
        <v>3633</v>
      </c>
      <c r="MJV1" s="216" t="s">
        <v>3633</v>
      </c>
      <c r="MJW1" s="216" t="s">
        <v>3633</v>
      </c>
      <c r="MJX1" s="216" t="s">
        <v>3633</v>
      </c>
      <c r="MJY1" s="216" t="s">
        <v>3633</v>
      </c>
      <c r="MJZ1" s="216" t="s">
        <v>3633</v>
      </c>
      <c r="MKA1" s="216" t="s">
        <v>3633</v>
      </c>
      <c r="MKB1" s="216" t="s">
        <v>3633</v>
      </c>
      <c r="MKC1" s="216" t="s">
        <v>3633</v>
      </c>
      <c r="MKD1" s="216" t="s">
        <v>3633</v>
      </c>
      <c r="MKE1" s="216" t="s">
        <v>3633</v>
      </c>
      <c r="MKF1" s="216" t="s">
        <v>3633</v>
      </c>
      <c r="MKG1" s="216" t="s">
        <v>3633</v>
      </c>
      <c r="MKH1" s="216" t="s">
        <v>3633</v>
      </c>
      <c r="MKI1" s="216" t="s">
        <v>3633</v>
      </c>
      <c r="MKJ1" s="216" t="s">
        <v>3633</v>
      </c>
      <c r="MKK1" s="216" t="s">
        <v>3633</v>
      </c>
      <c r="MKL1" s="216" t="s">
        <v>3633</v>
      </c>
      <c r="MKM1" s="216" t="s">
        <v>3633</v>
      </c>
      <c r="MKN1" s="216" t="s">
        <v>3633</v>
      </c>
      <c r="MKO1" s="216" t="s">
        <v>3633</v>
      </c>
      <c r="MKP1" s="216" t="s">
        <v>3633</v>
      </c>
      <c r="MKQ1" s="216" t="s">
        <v>3633</v>
      </c>
      <c r="MKR1" s="216" t="s">
        <v>3633</v>
      </c>
      <c r="MKS1" s="216" t="s">
        <v>3633</v>
      </c>
      <c r="MKT1" s="216" t="s">
        <v>3633</v>
      </c>
      <c r="MKU1" s="216" t="s">
        <v>3633</v>
      </c>
      <c r="MKV1" s="216" t="s">
        <v>3633</v>
      </c>
      <c r="MKW1" s="216" t="s">
        <v>3633</v>
      </c>
      <c r="MKX1" s="216" t="s">
        <v>3633</v>
      </c>
      <c r="MKY1" s="216" t="s">
        <v>3633</v>
      </c>
      <c r="MKZ1" s="216" t="s">
        <v>3633</v>
      </c>
      <c r="MLA1" s="216" t="s">
        <v>3633</v>
      </c>
      <c r="MLB1" s="216" t="s">
        <v>3633</v>
      </c>
      <c r="MLC1" s="216" t="s">
        <v>3633</v>
      </c>
      <c r="MLD1" s="216" t="s">
        <v>3633</v>
      </c>
      <c r="MLE1" s="216" t="s">
        <v>3633</v>
      </c>
      <c r="MLF1" s="216" t="s">
        <v>3633</v>
      </c>
      <c r="MLG1" s="216" t="s">
        <v>3633</v>
      </c>
      <c r="MLH1" s="216" t="s">
        <v>3633</v>
      </c>
      <c r="MLI1" s="216" t="s">
        <v>3633</v>
      </c>
      <c r="MLJ1" s="216" t="s">
        <v>3633</v>
      </c>
      <c r="MLK1" s="216" t="s">
        <v>3633</v>
      </c>
      <c r="MLL1" s="216" t="s">
        <v>3633</v>
      </c>
      <c r="MLM1" s="216" t="s">
        <v>3633</v>
      </c>
      <c r="MLN1" s="216" t="s">
        <v>3633</v>
      </c>
      <c r="MLO1" s="216" t="s">
        <v>3633</v>
      </c>
      <c r="MLP1" s="216" t="s">
        <v>3633</v>
      </c>
      <c r="MLQ1" s="216" t="s">
        <v>3633</v>
      </c>
      <c r="MLR1" s="216" t="s">
        <v>3633</v>
      </c>
      <c r="MLS1" s="216" t="s">
        <v>3633</v>
      </c>
      <c r="MLT1" s="216" t="s">
        <v>3633</v>
      </c>
      <c r="MLU1" s="216" t="s">
        <v>3633</v>
      </c>
      <c r="MLV1" s="216" t="s">
        <v>3633</v>
      </c>
      <c r="MLW1" s="216" t="s">
        <v>3633</v>
      </c>
      <c r="MLX1" s="216" t="s">
        <v>3633</v>
      </c>
      <c r="MLY1" s="216" t="s">
        <v>3633</v>
      </c>
      <c r="MLZ1" s="216" t="s">
        <v>3633</v>
      </c>
      <c r="MMA1" s="216" t="s">
        <v>3633</v>
      </c>
      <c r="MMB1" s="216" t="s">
        <v>3633</v>
      </c>
      <c r="MMC1" s="216" t="s">
        <v>3633</v>
      </c>
      <c r="MMD1" s="216" t="s">
        <v>3633</v>
      </c>
      <c r="MME1" s="216" t="s">
        <v>3633</v>
      </c>
      <c r="MMF1" s="216" t="s">
        <v>3633</v>
      </c>
      <c r="MMG1" s="216" t="s">
        <v>3633</v>
      </c>
      <c r="MMH1" s="216" t="s">
        <v>3633</v>
      </c>
      <c r="MMI1" s="216" t="s">
        <v>3633</v>
      </c>
      <c r="MMJ1" s="216" t="s">
        <v>3633</v>
      </c>
      <c r="MMK1" s="216" t="s">
        <v>3633</v>
      </c>
      <c r="MML1" s="216" t="s">
        <v>3633</v>
      </c>
      <c r="MMM1" s="216" t="s">
        <v>3633</v>
      </c>
      <c r="MMN1" s="216" t="s">
        <v>3633</v>
      </c>
      <c r="MMO1" s="216" t="s">
        <v>3633</v>
      </c>
      <c r="MMP1" s="216" t="s">
        <v>3633</v>
      </c>
      <c r="MMQ1" s="216" t="s">
        <v>3633</v>
      </c>
      <c r="MMR1" s="216" t="s">
        <v>3633</v>
      </c>
      <c r="MMS1" s="216" t="s">
        <v>3633</v>
      </c>
      <c r="MMT1" s="216" t="s">
        <v>3633</v>
      </c>
      <c r="MMU1" s="216" t="s">
        <v>3633</v>
      </c>
      <c r="MMV1" s="216" t="s">
        <v>3633</v>
      </c>
      <c r="MMW1" s="216" t="s">
        <v>3633</v>
      </c>
      <c r="MMX1" s="216" t="s">
        <v>3633</v>
      </c>
      <c r="MMY1" s="216" t="s">
        <v>3633</v>
      </c>
      <c r="MMZ1" s="216" t="s">
        <v>3633</v>
      </c>
      <c r="MNA1" s="216" t="s">
        <v>3633</v>
      </c>
      <c r="MNB1" s="216" t="s">
        <v>3633</v>
      </c>
      <c r="MNC1" s="216" t="s">
        <v>3633</v>
      </c>
      <c r="MND1" s="216" t="s">
        <v>3633</v>
      </c>
      <c r="MNE1" s="216" t="s">
        <v>3633</v>
      </c>
      <c r="MNF1" s="216" t="s">
        <v>3633</v>
      </c>
      <c r="MNG1" s="216" t="s">
        <v>3633</v>
      </c>
      <c r="MNH1" s="216" t="s">
        <v>3633</v>
      </c>
      <c r="MNI1" s="216" t="s">
        <v>3633</v>
      </c>
      <c r="MNJ1" s="216" t="s">
        <v>3633</v>
      </c>
      <c r="MNK1" s="216" t="s">
        <v>3633</v>
      </c>
      <c r="MNL1" s="216" t="s">
        <v>3633</v>
      </c>
      <c r="MNM1" s="216" t="s">
        <v>3633</v>
      </c>
      <c r="MNN1" s="216" t="s">
        <v>3633</v>
      </c>
      <c r="MNO1" s="216" t="s">
        <v>3633</v>
      </c>
      <c r="MNP1" s="216" t="s">
        <v>3633</v>
      </c>
      <c r="MNQ1" s="216" t="s">
        <v>3633</v>
      </c>
      <c r="MNR1" s="216" t="s">
        <v>3633</v>
      </c>
      <c r="MNS1" s="216" t="s">
        <v>3633</v>
      </c>
      <c r="MNT1" s="216" t="s">
        <v>3633</v>
      </c>
      <c r="MNU1" s="216" t="s">
        <v>3633</v>
      </c>
      <c r="MNV1" s="216" t="s">
        <v>3633</v>
      </c>
      <c r="MNW1" s="216" t="s">
        <v>3633</v>
      </c>
      <c r="MNX1" s="216" t="s">
        <v>3633</v>
      </c>
      <c r="MNY1" s="216" t="s">
        <v>3633</v>
      </c>
      <c r="MNZ1" s="216" t="s">
        <v>3633</v>
      </c>
      <c r="MOA1" s="216" t="s">
        <v>3633</v>
      </c>
      <c r="MOB1" s="216" t="s">
        <v>3633</v>
      </c>
      <c r="MOC1" s="216" t="s">
        <v>3633</v>
      </c>
      <c r="MOD1" s="216" t="s">
        <v>3633</v>
      </c>
      <c r="MOE1" s="216" t="s">
        <v>3633</v>
      </c>
      <c r="MOF1" s="216" t="s">
        <v>3633</v>
      </c>
      <c r="MOG1" s="216" t="s">
        <v>3633</v>
      </c>
      <c r="MOH1" s="216" t="s">
        <v>3633</v>
      </c>
      <c r="MOI1" s="216" t="s">
        <v>3633</v>
      </c>
      <c r="MOJ1" s="216" t="s">
        <v>3633</v>
      </c>
      <c r="MOK1" s="216" t="s">
        <v>3633</v>
      </c>
      <c r="MOL1" s="216" t="s">
        <v>3633</v>
      </c>
      <c r="MOM1" s="216" t="s">
        <v>3633</v>
      </c>
      <c r="MON1" s="216" t="s">
        <v>3633</v>
      </c>
      <c r="MOO1" s="216" t="s">
        <v>3633</v>
      </c>
      <c r="MOP1" s="216" t="s">
        <v>3633</v>
      </c>
      <c r="MOQ1" s="216" t="s">
        <v>3633</v>
      </c>
      <c r="MOR1" s="216" t="s">
        <v>3633</v>
      </c>
      <c r="MOS1" s="216" t="s">
        <v>3633</v>
      </c>
      <c r="MOT1" s="216" t="s">
        <v>3633</v>
      </c>
      <c r="MOU1" s="216" t="s">
        <v>3633</v>
      </c>
      <c r="MOV1" s="216" t="s">
        <v>3633</v>
      </c>
      <c r="MOW1" s="216" t="s">
        <v>3633</v>
      </c>
      <c r="MOX1" s="216" t="s">
        <v>3633</v>
      </c>
      <c r="MOY1" s="216" t="s">
        <v>3633</v>
      </c>
      <c r="MOZ1" s="216" t="s">
        <v>3633</v>
      </c>
      <c r="MPA1" s="216" t="s">
        <v>3633</v>
      </c>
      <c r="MPB1" s="216" t="s">
        <v>3633</v>
      </c>
      <c r="MPC1" s="216" t="s">
        <v>3633</v>
      </c>
      <c r="MPD1" s="216" t="s">
        <v>3633</v>
      </c>
      <c r="MPE1" s="216" t="s">
        <v>3633</v>
      </c>
      <c r="MPF1" s="216" t="s">
        <v>3633</v>
      </c>
      <c r="MPG1" s="216" t="s">
        <v>3633</v>
      </c>
      <c r="MPH1" s="216" t="s">
        <v>3633</v>
      </c>
      <c r="MPI1" s="216" t="s">
        <v>3633</v>
      </c>
      <c r="MPJ1" s="216" t="s">
        <v>3633</v>
      </c>
      <c r="MPK1" s="216" t="s">
        <v>3633</v>
      </c>
      <c r="MPL1" s="216" t="s">
        <v>3633</v>
      </c>
      <c r="MPM1" s="216" t="s">
        <v>3633</v>
      </c>
      <c r="MPN1" s="216" t="s">
        <v>3633</v>
      </c>
      <c r="MPO1" s="216" t="s">
        <v>3633</v>
      </c>
      <c r="MPP1" s="216" t="s">
        <v>3633</v>
      </c>
      <c r="MPQ1" s="216" t="s">
        <v>3633</v>
      </c>
      <c r="MPR1" s="216" t="s">
        <v>3633</v>
      </c>
      <c r="MPS1" s="216" t="s">
        <v>3633</v>
      </c>
      <c r="MPT1" s="216" t="s">
        <v>3633</v>
      </c>
      <c r="MPU1" s="216" t="s">
        <v>3633</v>
      </c>
      <c r="MPV1" s="216" t="s">
        <v>3633</v>
      </c>
      <c r="MPW1" s="216" t="s">
        <v>3633</v>
      </c>
      <c r="MPX1" s="216" t="s">
        <v>3633</v>
      </c>
      <c r="MPY1" s="216" t="s">
        <v>3633</v>
      </c>
      <c r="MPZ1" s="216" t="s">
        <v>3633</v>
      </c>
      <c r="MQA1" s="216" t="s">
        <v>3633</v>
      </c>
      <c r="MQB1" s="216" t="s">
        <v>3633</v>
      </c>
      <c r="MQC1" s="216" t="s">
        <v>3633</v>
      </c>
      <c r="MQD1" s="216" t="s">
        <v>3633</v>
      </c>
      <c r="MQE1" s="216" t="s">
        <v>3633</v>
      </c>
      <c r="MQF1" s="216" t="s">
        <v>3633</v>
      </c>
      <c r="MQG1" s="216" t="s">
        <v>3633</v>
      </c>
      <c r="MQH1" s="216" t="s">
        <v>3633</v>
      </c>
      <c r="MQI1" s="216" t="s">
        <v>3633</v>
      </c>
      <c r="MQJ1" s="216" t="s">
        <v>3633</v>
      </c>
      <c r="MQK1" s="216" t="s">
        <v>3633</v>
      </c>
      <c r="MQL1" s="216" t="s">
        <v>3633</v>
      </c>
      <c r="MQM1" s="216" t="s">
        <v>3633</v>
      </c>
      <c r="MQN1" s="216" t="s">
        <v>3633</v>
      </c>
      <c r="MQO1" s="216" t="s">
        <v>3633</v>
      </c>
      <c r="MQP1" s="216" t="s">
        <v>3633</v>
      </c>
      <c r="MQQ1" s="216" t="s">
        <v>3633</v>
      </c>
      <c r="MQR1" s="216" t="s">
        <v>3633</v>
      </c>
      <c r="MQS1" s="216" t="s">
        <v>3633</v>
      </c>
      <c r="MQT1" s="216" t="s">
        <v>3633</v>
      </c>
      <c r="MQU1" s="216" t="s">
        <v>3633</v>
      </c>
      <c r="MQV1" s="216" t="s">
        <v>3633</v>
      </c>
      <c r="MQW1" s="216" t="s">
        <v>3633</v>
      </c>
      <c r="MQX1" s="216" t="s">
        <v>3633</v>
      </c>
      <c r="MQY1" s="216" t="s">
        <v>3633</v>
      </c>
      <c r="MQZ1" s="216" t="s">
        <v>3633</v>
      </c>
      <c r="MRA1" s="216" t="s">
        <v>3633</v>
      </c>
      <c r="MRB1" s="216" t="s">
        <v>3633</v>
      </c>
      <c r="MRC1" s="216" t="s">
        <v>3633</v>
      </c>
      <c r="MRD1" s="216" t="s">
        <v>3633</v>
      </c>
      <c r="MRE1" s="216" t="s">
        <v>3633</v>
      </c>
      <c r="MRF1" s="216" t="s">
        <v>3633</v>
      </c>
      <c r="MRG1" s="216" t="s">
        <v>3633</v>
      </c>
      <c r="MRH1" s="216" t="s">
        <v>3633</v>
      </c>
      <c r="MRI1" s="216" t="s">
        <v>3633</v>
      </c>
      <c r="MRJ1" s="216" t="s">
        <v>3633</v>
      </c>
      <c r="MRK1" s="216" t="s">
        <v>3633</v>
      </c>
      <c r="MRL1" s="216" t="s">
        <v>3633</v>
      </c>
      <c r="MRM1" s="216" t="s">
        <v>3633</v>
      </c>
      <c r="MRN1" s="216" t="s">
        <v>3633</v>
      </c>
      <c r="MRO1" s="216" t="s">
        <v>3633</v>
      </c>
      <c r="MRP1" s="216" t="s">
        <v>3633</v>
      </c>
      <c r="MRQ1" s="216" t="s">
        <v>3633</v>
      </c>
      <c r="MRR1" s="216" t="s">
        <v>3633</v>
      </c>
      <c r="MRS1" s="216" t="s">
        <v>3633</v>
      </c>
      <c r="MRT1" s="216" t="s">
        <v>3633</v>
      </c>
      <c r="MRU1" s="216" t="s">
        <v>3633</v>
      </c>
      <c r="MRV1" s="216" t="s">
        <v>3633</v>
      </c>
      <c r="MRW1" s="216" t="s">
        <v>3633</v>
      </c>
      <c r="MRX1" s="216" t="s">
        <v>3633</v>
      </c>
      <c r="MRY1" s="216" t="s">
        <v>3633</v>
      </c>
      <c r="MRZ1" s="216" t="s">
        <v>3633</v>
      </c>
      <c r="MSA1" s="216" t="s">
        <v>3633</v>
      </c>
      <c r="MSB1" s="216" t="s">
        <v>3633</v>
      </c>
      <c r="MSC1" s="216" t="s">
        <v>3633</v>
      </c>
      <c r="MSD1" s="216" t="s">
        <v>3633</v>
      </c>
      <c r="MSE1" s="216" t="s">
        <v>3633</v>
      </c>
      <c r="MSF1" s="216" t="s">
        <v>3633</v>
      </c>
      <c r="MSG1" s="216" t="s">
        <v>3633</v>
      </c>
      <c r="MSH1" s="216" t="s">
        <v>3633</v>
      </c>
      <c r="MSI1" s="216" t="s">
        <v>3633</v>
      </c>
      <c r="MSJ1" s="216" t="s">
        <v>3633</v>
      </c>
      <c r="MSK1" s="216" t="s">
        <v>3633</v>
      </c>
      <c r="MSL1" s="216" t="s">
        <v>3633</v>
      </c>
      <c r="MSM1" s="216" t="s">
        <v>3633</v>
      </c>
      <c r="MSN1" s="216" t="s">
        <v>3633</v>
      </c>
      <c r="MSO1" s="216" t="s">
        <v>3633</v>
      </c>
      <c r="MSP1" s="216" t="s">
        <v>3633</v>
      </c>
      <c r="MSQ1" s="216" t="s">
        <v>3633</v>
      </c>
      <c r="MSR1" s="216" t="s">
        <v>3633</v>
      </c>
      <c r="MSS1" s="216" t="s">
        <v>3633</v>
      </c>
      <c r="MST1" s="216" t="s">
        <v>3633</v>
      </c>
      <c r="MSU1" s="216" t="s">
        <v>3633</v>
      </c>
      <c r="MSV1" s="216" t="s">
        <v>3633</v>
      </c>
      <c r="MSW1" s="216" t="s">
        <v>3633</v>
      </c>
      <c r="MSX1" s="216" t="s">
        <v>3633</v>
      </c>
      <c r="MSY1" s="216" t="s">
        <v>3633</v>
      </c>
      <c r="MSZ1" s="216" t="s">
        <v>3633</v>
      </c>
      <c r="MTA1" s="216" t="s">
        <v>3633</v>
      </c>
      <c r="MTB1" s="216" t="s">
        <v>3633</v>
      </c>
      <c r="MTC1" s="216" t="s">
        <v>3633</v>
      </c>
      <c r="MTD1" s="216" t="s">
        <v>3633</v>
      </c>
      <c r="MTE1" s="216" t="s">
        <v>3633</v>
      </c>
      <c r="MTF1" s="216" t="s">
        <v>3633</v>
      </c>
      <c r="MTG1" s="216" t="s">
        <v>3633</v>
      </c>
      <c r="MTH1" s="216" t="s">
        <v>3633</v>
      </c>
      <c r="MTI1" s="216" t="s">
        <v>3633</v>
      </c>
      <c r="MTJ1" s="216" t="s">
        <v>3633</v>
      </c>
      <c r="MTK1" s="216" t="s">
        <v>3633</v>
      </c>
      <c r="MTL1" s="216" t="s">
        <v>3633</v>
      </c>
      <c r="MTM1" s="216" t="s">
        <v>3633</v>
      </c>
      <c r="MTN1" s="216" t="s">
        <v>3633</v>
      </c>
      <c r="MTO1" s="216" t="s">
        <v>3633</v>
      </c>
      <c r="MTP1" s="216" t="s">
        <v>3633</v>
      </c>
      <c r="MTQ1" s="216" t="s">
        <v>3633</v>
      </c>
      <c r="MTR1" s="216" t="s">
        <v>3633</v>
      </c>
      <c r="MTS1" s="216" t="s">
        <v>3633</v>
      </c>
      <c r="MTT1" s="216" t="s">
        <v>3633</v>
      </c>
      <c r="MTU1" s="216" t="s">
        <v>3633</v>
      </c>
      <c r="MTV1" s="216" t="s">
        <v>3633</v>
      </c>
      <c r="MTW1" s="216" t="s">
        <v>3633</v>
      </c>
      <c r="MTX1" s="216" t="s">
        <v>3633</v>
      </c>
      <c r="MTY1" s="216" t="s">
        <v>3633</v>
      </c>
      <c r="MTZ1" s="216" t="s">
        <v>3633</v>
      </c>
      <c r="MUA1" s="216" t="s">
        <v>3633</v>
      </c>
      <c r="MUB1" s="216" t="s">
        <v>3633</v>
      </c>
      <c r="MUC1" s="216" t="s">
        <v>3633</v>
      </c>
      <c r="MUD1" s="216" t="s">
        <v>3633</v>
      </c>
      <c r="MUE1" s="216" t="s">
        <v>3633</v>
      </c>
      <c r="MUF1" s="216" t="s">
        <v>3633</v>
      </c>
      <c r="MUG1" s="216" t="s">
        <v>3633</v>
      </c>
      <c r="MUH1" s="216" t="s">
        <v>3633</v>
      </c>
      <c r="MUI1" s="216" t="s">
        <v>3633</v>
      </c>
      <c r="MUJ1" s="216" t="s">
        <v>3633</v>
      </c>
      <c r="MUK1" s="216" t="s">
        <v>3633</v>
      </c>
      <c r="MUL1" s="216" t="s">
        <v>3633</v>
      </c>
      <c r="MUM1" s="216" t="s">
        <v>3633</v>
      </c>
      <c r="MUN1" s="216" t="s">
        <v>3633</v>
      </c>
      <c r="MUO1" s="216" t="s">
        <v>3633</v>
      </c>
      <c r="MUP1" s="216" t="s">
        <v>3633</v>
      </c>
      <c r="MUQ1" s="216" t="s">
        <v>3633</v>
      </c>
      <c r="MUR1" s="216" t="s">
        <v>3633</v>
      </c>
      <c r="MUS1" s="216" t="s">
        <v>3633</v>
      </c>
      <c r="MUT1" s="216" t="s">
        <v>3633</v>
      </c>
      <c r="MUU1" s="216" t="s">
        <v>3633</v>
      </c>
      <c r="MUV1" s="216" t="s">
        <v>3633</v>
      </c>
      <c r="MUW1" s="216" t="s">
        <v>3633</v>
      </c>
      <c r="MUX1" s="216" t="s">
        <v>3633</v>
      </c>
      <c r="MUY1" s="216" t="s">
        <v>3633</v>
      </c>
      <c r="MUZ1" s="216" t="s">
        <v>3633</v>
      </c>
      <c r="MVA1" s="216" t="s">
        <v>3633</v>
      </c>
      <c r="MVB1" s="216" t="s">
        <v>3633</v>
      </c>
      <c r="MVC1" s="216" t="s">
        <v>3633</v>
      </c>
      <c r="MVD1" s="216" t="s">
        <v>3633</v>
      </c>
      <c r="MVE1" s="216" t="s">
        <v>3633</v>
      </c>
      <c r="MVF1" s="216" t="s">
        <v>3633</v>
      </c>
      <c r="MVG1" s="216" t="s">
        <v>3633</v>
      </c>
      <c r="MVH1" s="216" t="s">
        <v>3633</v>
      </c>
      <c r="MVI1" s="216" t="s">
        <v>3633</v>
      </c>
      <c r="MVJ1" s="216" t="s">
        <v>3633</v>
      </c>
      <c r="MVK1" s="216" t="s">
        <v>3633</v>
      </c>
      <c r="MVL1" s="216" t="s">
        <v>3633</v>
      </c>
      <c r="MVM1" s="216" t="s">
        <v>3633</v>
      </c>
      <c r="MVN1" s="216" t="s">
        <v>3633</v>
      </c>
      <c r="MVO1" s="216" t="s">
        <v>3633</v>
      </c>
      <c r="MVP1" s="216" t="s">
        <v>3633</v>
      </c>
      <c r="MVQ1" s="216" t="s">
        <v>3633</v>
      </c>
      <c r="MVR1" s="216" t="s">
        <v>3633</v>
      </c>
      <c r="MVS1" s="216" t="s">
        <v>3633</v>
      </c>
      <c r="MVT1" s="216" t="s">
        <v>3633</v>
      </c>
      <c r="MVU1" s="216" t="s">
        <v>3633</v>
      </c>
      <c r="MVV1" s="216" t="s">
        <v>3633</v>
      </c>
      <c r="MVW1" s="216" t="s">
        <v>3633</v>
      </c>
      <c r="MVX1" s="216" t="s">
        <v>3633</v>
      </c>
      <c r="MVY1" s="216" t="s">
        <v>3633</v>
      </c>
      <c r="MVZ1" s="216" t="s">
        <v>3633</v>
      </c>
      <c r="MWA1" s="216" t="s">
        <v>3633</v>
      </c>
      <c r="MWB1" s="216" t="s">
        <v>3633</v>
      </c>
      <c r="MWC1" s="216" t="s">
        <v>3633</v>
      </c>
      <c r="MWD1" s="216" t="s">
        <v>3633</v>
      </c>
      <c r="MWE1" s="216" t="s">
        <v>3633</v>
      </c>
      <c r="MWF1" s="216" t="s">
        <v>3633</v>
      </c>
      <c r="MWG1" s="216" t="s">
        <v>3633</v>
      </c>
      <c r="MWH1" s="216" t="s">
        <v>3633</v>
      </c>
      <c r="MWI1" s="216" t="s">
        <v>3633</v>
      </c>
      <c r="MWJ1" s="216" t="s">
        <v>3633</v>
      </c>
      <c r="MWK1" s="216" t="s">
        <v>3633</v>
      </c>
      <c r="MWL1" s="216" t="s">
        <v>3633</v>
      </c>
      <c r="MWM1" s="216" t="s">
        <v>3633</v>
      </c>
      <c r="MWN1" s="216" t="s">
        <v>3633</v>
      </c>
      <c r="MWO1" s="216" t="s">
        <v>3633</v>
      </c>
      <c r="MWP1" s="216" t="s">
        <v>3633</v>
      </c>
      <c r="MWQ1" s="216" t="s">
        <v>3633</v>
      </c>
      <c r="MWR1" s="216" t="s">
        <v>3633</v>
      </c>
      <c r="MWS1" s="216" t="s">
        <v>3633</v>
      </c>
      <c r="MWT1" s="216" t="s">
        <v>3633</v>
      </c>
      <c r="MWU1" s="216" t="s">
        <v>3633</v>
      </c>
      <c r="MWV1" s="216" t="s">
        <v>3633</v>
      </c>
      <c r="MWW1" s="216" t="s">
        <v>3633</v>
      </c>
      <c r="MWX1" s="216" t="s">
        <v>3633</v>
      </c>
      <c r="MWY1" s="216" t="s">
        <v>3633</v>
      </c>
      <c r="MWZ1" s="216" t="s">
        <v>3633</v>
      </c>
      <c r="MXA1" s="216" t="s">
        <v>3633</v>
      </c>
      <c r="MXB1" s="216" t="s">
        <v>3633</v>
      </c>
      <c r="MXC1" s="216" t="s">
        <v>3633</v>
      </c>
      <c r="MXD1" s="216" t="s">
        <v>3633</v>
      </c>
      <c r="MXE1" s="216" t="s">
        <v>3633</v>
      </c>
      <c r="MXF1" s="216" t="s">
        <v>3633</v>
      </c>
      <c r="MXG1" s="216" t="s">
        <v>3633</v>
      </c>
      <c r="MXH1" s="216" t="s">
        <v>3633</v>
      </c>
      <c r="MXI1" s="216" t="s">
        <v>3633</v>
      </c>
      <c r="MXJ1" s="216" t="s">
        <v>3633</v>
      </c>
      <c r="MXK1" s="216" t="s">
        <v>3633</v>
      </c>
      <c r="MXL1" s="216" t="s">
        <v>3633</v>
      </c>
      <c r="MXM1" s="216" t="s">
        <v>3633</v>
      </c>
      <c r="MXN1" s="216" t="s">
        <v>3633</v>
      </c>
      <c r="MXO1" s="216" t="s">
        <v>3633</v>
      </c>
      <c r="MXP1" s="216" t="s">
        <v>3633</v>
      </c>
      <c r="MXQ1" s="216" t="s">
        <v>3633</v>
      </c>
      <c r="MXR1" s="216" t="s">
        <v>3633</v>
      </c>
      <c r="MXS1" s="216" t="s">
        <v>3633</v>
      </c>
      <c r="MXT1" s="216" t="s">
        <v>3633</v>
      </c>
      <c r="MXU1" s="216" t="s">
        <v>3633</v>
      </c>
      <c r="MXV1" s="216" t="s">
        <v>3633</v>
      </c>
      <c r="MXW1" s="216" t="s">
        <v>3633</v>
      </c>
      <c r="MXX1" s="216" t="s">
        <v>3633</v>
      </c>
      <c r="MXY1" s="216" t="s">
        <v>3633</v>
      </c>
      <c r="MXZ1" s="216" t="s">
        <v>3633</v>
      </c>
      <c r="MYA1" s="216" t="s">
        <v>3633</v>
      </c>
      <c r="MYB1" s="216" t="s">
        <v>3633</v>
      </c>
      <c r="MYC1" s="216" t="s">
        <v>3633</v>
      </c>
      <c r="MYD1" s="216" t="s">
        <v>3633</v>
      </c>
      <c r="MYE1" s="216" t="s">
        <v>3633</v>
      </c>
      <c r="MYF1" s="216" t="s">
        <v>3633</v>
      </c>
      <c r="MYG1" s="216" t="s">
        <v>3633</v>
      </c>
      <c r="MYH1" s="216" t="s">
        <v>3633</v>
      </c>
      <c r="MYI1" s="216" t="s">
        <v>3633</v>
      </c>
      <c r="MYJ1" s="216" t="s">
        <v>3633</v>
      </c>
      <c r="MYK1" s="216" t="s">
        <v>3633</v>
      </c>
      <c r="MYL1" s="216" t="s">
        <v>3633</v>
      </c>
      <c r="MYM1" s="216" t="s">
        <v>3633</v>
      </c>
      <c r="MYN1" s="216" t="s">
        <v>3633</v>
      </c>
      <c r="MYO1" s="216" t="s">
        <v>3633</v>
      </c>
      <c r="MYP1" s="216" t="s">
        <v>3633</v>
      </c>
      <c r="MYQ1" s="216" t="s">
        <v>3633</v>
      </c>
      <c r="MYR1" s="216" t="s">
        <v>3633</v>
      </c>
      <c r="MYS1" s="216" t="s">
        <v>3633</v>
      </c>
      <c r="MYT1" s="216" t="s">
        <v>3633</v>
      </c>
      <c r="MYU1" s="216" t="s">
        <v>3633</v>
      </c>
      <c r="MYV1" s="216" t="s">
        <v>3633</v>
      </c>
      <c r="MYW1" s="216" t="s">
        <v>3633</v>
      </c>
      <c r="MYX1" s="216" t="s">
        <v>3633</v>
      </c>
      <c r="MYY1" s="216" t="s">
        <v>3633</v>
      </c>
      <c r="MYZ1" s="216" t="s">
        <v>3633</v>
      </c>
      <c r="MZA1" s="216" t="s">
        <v>3633</v>
      </c>
      <c r="MZB1" s="216" t="s">
        <v>3633</v>
      </c>
      <c r="MZC1" s="216" t="s">
        <v>3633</v>
      </c>
      <c r="MZD1" s="216" t="s">
        <v>3633</v>
      </c>
      <c r="MZE1" s="216" t="s">
        <v>3633</v>
      </c>
      <c r="MZF1" s="216" t="s">
        <v>3633</v>
      </c>
      <c r="MZG1" s="216" t="s">
        <v>3633</v>
      </c>
      <c r="MZH1" s="216" t="s">
        <v>3633</v>
      </c>
      <c r="MZI1" s="216" t="s">
        <v>3633</v>
      </c>
      <c r="MZJ1" s="216" t="s">
        <v>3633</v>
      </c>
      <c r="MZK1" s="216" t="s">
        <v>3633</v>
      </c>
      <c r="MZL1" s="216" t="s">
        <v>3633</v>
      </c>
      <c r="MZM1" s="216" t="s">
        <v>3633</v>
      </c>
      <c r="MZN1" s="216" t="s">
        <v>3633</v>
      </c>
      <c r="MZO1" s="216" t="s">
        <v>3633</v>
      </c>
      <c r="MZP1" s="216" t="s">
        <v>3633</v>
      </c>
      <c r="MZQ1" s="216" t="s">
        <v>3633</v>
      </c>
      <c r="MZR1" s="216" t="s">
        <v>3633</v>
      </c>
      <c r="MZS1" s="216" t="s">
        <v>3633</v>
      </c>
      <c r="MZT1" s="216" t="s">
        <v>3633</v>
      </c>
      <c r="MZU1" s="216" t="s">
        <v>3633</v>
      </c>
      <c r="MZV1" s="216" t="s">
        <v>3633</v>
      </c>
      <c r="MZW1" s="216" t="s">
        <v>3633</v>
      </c>
      <c r="MZX1" s="216" t="s">
        <v>3633</v>
      </c>
      <c r="MZY1" s="216" t="s">
        <v>3633</v>
      </c>
      <c r="MZZ1" s="216" t="s">
        <v>3633</v>
      </c>
      <c r="NAA1" s="216" t="s">
        <v>3633</v>
      </c>
      <c r="NAB1" s="216" t="s">
        <v>3633</v>
      </c>
      <c r="NAC1" s="216" t="s">
        <v>3633</v>
      </c>
      <c r="NAD1" s="216" t="s">
        <v>3633</v>
      </c>
      <c r="NAE1" s="216" t="s">
        <v>3633</v>
      </c>
      <c r="NAF1" s="216" t="s">
        <v>3633</v>
      </c>
      <c r="NAG1" s="216" t="s">
        <v>3633</v>
      </c>
      <c r="NAH1" s="216" t="s">
        <v>3633</v>
      </c>
      <c r="NAI1" s="216" t="s">
        <v>3633</v>
      </c>
      <c r="NAJ1" s="216" t="s">
        <v>3633</v>
      </c>
      <c r="NAK1" s="216" t="s">
        <v>3633</v>
      </c>
      <c r="NAL1" s="216" t="s">
        <v>3633</v>
      </c>
      <c r="NAM1" s="216" t="s">
        <v>3633</v>
      </c>
      <c r="NAN1" s="216" t="s">
        <v>3633</v>
      </c>
      <c r="NAO1" s="216" t="s">
        <v>3633</v>
      </c>
      <c r="NAP1" s="216" t="s">
        <v>3633</v>
      </c>
      <c r="NAQ1" s="216" t="s">
        <v>3633</v>
      </c>
      <c r="NAR1" s="216" t="s">
        <v>3633</v>
      </c>
      <c r="NAS1" s="216" t="s">
        <v>3633</v>
      </c>
      <c r="NAT1" s="216" t="s">
        <v>3633</v>
      </c>
      <c r="NAU1" s="216" t="s">
        <v>3633</v>
      </c>
      <c r="NAV1" s="216" t="s">
        <v>3633</v>
      </c>
      <c r="NAW1" s="216" t="s">
        <v>3633</v>
      </c>
      <c r="NAX1" s="216" t="s">
        <v>3633</v>
      </c>
      <c r="NAY1" s="216" t="s">
        <v>3633</v>
      </c>
      <c r="NAZ1" s="216" t="s">
        <v>3633</v>
      </c>
      <c r="NBA1" s="216" t="s">
        <v>3633</v>
      </c>
      <c r="NBB1" s="216" t="s">
        <v>3633</v>
      </c>
      <c r="NBC1" s="216" t="s">
        <v>3633</v>
      </c>
      <c r="NBD1" s="216" t="s">
        <v>3633</v>
      </c>
      <c r="NBE1" s="216" t="s">
        <v>3633</v>
      </c>
      <c r="NBF1" s="216" t="s">
        <v>3633</v>
      </c>
      <c r="NBG1" s="216" t="s">
        <v>3633</v>
      </c>
      <c r="NBH1" s="216" t="s">
        <v>3633</v>
      </c>
      <c r="NBI1" s="216" t="s">
        <v>3633</v>
      </c>
      <c r="NBJ1" s="216" t="s">
        <v>3633</v>
      </c>
      <c r="NBK1" s="216" t="s">
        <v>3633</v>
      </c>
      <c r="NBL1" s="216" t="s">
        <v>3633</v>
      </c>
      <c r="NBM1" s="216" t="s">
        <v>3633</v>
      </c>
      <c r="NBN1" s="216" t="s">
        <v>3633</v>
      </c>
      <c r="NBO1" s="216" t="s">
        <v>3633</v>
      </c>
      <c r="NBP1" s="216" t="s">
        <v>3633</v>
      </c>
      <c r="NBQ1" s="216" t="s">
        <v>3633</v>
      </c>
      <c r="NBR1" s="216" t="s">
        <v>3633</v>
      </c>
      <c r="NBS1" s="216" t="s">
        <v>3633</v>
      </c>
      <c r="NBT1" s="216" t="s">
        <v>3633</v>
      </c>
      <c r="NBU1" s="216" t="s">
        <v>3633</v>
      </c>
      <c r="NBV1" s="216" t="s">
        <v>3633</v>
      </c>
      <c r="NBW1" s="216" t="s">
        <v>3633</v>
      </c>
      <c r="NBX1" s="216" t="s">
        <v>3633</v>
      </c>
      <c r="NBY1" s="216" t="s">
        <v>3633</v>
      </c>
      <c r="NBZ1" s="216" t="s">
        <v>3633</v>
      </c>
      <c r="NCA1" s="216" t="s">
        <v>3633</v>
      </c>
      <c r="NCB1" s="216" t="s">
        <v>3633</v>
      </c>
      <c r="NCC1" s="216" t="s">
        <v>3633</v>
      </c>
      <c r="NCD1" s="216" t="s">
        <v>3633</v>
      </c>
      <c r="NCE1" s="216" t="s">
        <v>3633</v>
      </c>
      <c r="NCF1" s="216" t="s">
        <v>3633</v>
      </c>
      <c r="NCG1" s="216" t="s">
        <v>3633</v>
      </c>
      <c r="NCH1" s="216" t="s">
        <v>3633</v>
      </c>
      <c r="NCI1" s="216" t="s">
        <v>3633</v>
      </c>
      <c r="NCJ1" s="216" t="s">
        <v>3633</v>
      </c>
      <c r="NCK1" s="216" t="s">
        <v>3633</v>
      </c>
      <c r="NCL1" s="216" t="s">
        <v>3633</v>
      </c>
      <c r="NCM1" s="216" t="s">
        <v>3633</v>
      </c>
      <c r="NCN1" s="216" t="s">
        <v>3633</v>
      </c>
      <c r="NCO1" s="216" t="s">
        <v>3633</v>
      </c>
      <c r="NCP1" s="216" t="s">
        <v>3633</v>
      </c>
      <c r="NCQ1" s="216" t="s">
        <v>3633</v>
      </c>
      <c r="NCR1" s="216" t="s">
        <v>3633</v>
      </c>
      <c r="NCS1" s="216" t="s">
        <v>3633</v>
      </c>
      <c r="NCT1" s="216" t="s">
        <v>3633</v>
      </c>
      <c r="NCU1" s="216" t="s">
        <v>3633</v>
      </c>
      <c r="NCV1" s="216" t="s">
        <v>3633</v>
      </c>
      <c r="NCW1" s="216" t="s">
        <v>3633</v>
      </c>
      <c r="NCX1" s="216" t="s">
        <v>3633</v>
      </c>
      <c r="NCY1" s="216" t="s">
        <v>3633</v>
      </c>
      <c r="NCZ1" s="216" t="s">
        <v>3633</v>
      </c>
      <c r="NDA1" s="216" t="s">
        <v>3633</v>
      </c>
      <c r="NDB1" s="216" t="s">
        <v>3633</v>
      </c>
      <c r="NDC1" s="216" t="s">
        <v>3633</v>
      </c>
      <c r="NDD1" s="216" t="s">
        <v>3633</v>
      </c>
      <c r="NDE1" s="216" t="s">
        <v>3633</v>
      </c>
      <c r="NDF1" s="216" t="s">
        <v>3633</v>
      </c>
      <c r="NDG1" s="216" t="s">
        <v>3633</v>
      </c>
      <c r="NDH1" s="216" t="s">
        <v>3633</v>
      </c>
      <c r="NDI1" s="216" t="s">
        <v>3633</v>
      </c>
      <c r="NDJ1" s="216" t="s">
        <v>3633</v>
      </c>
      <c r="NDK1" s="216" t="s">
        <v>3633</v>
      </c>
      <c r="NDL1" s="216" t="s">
        <v>3633</v>
      </c>
      <c r="NDM1" s="216" t="s">
        <v>3633</v>
      </c>
      <c r="NDN1" s="216" t="s">
        <v>3633</v>
      </c>
      <c r="NDO1" s="216" t="s">
        <v>3633</v>
      </c>
      <c r="NDP1" s="216" t="s">
        <v>3633</v>
      </c>
      <c r="NDQ1" s="216" t="s">
        <v>3633</v>
      </c>
      <c r="NDR1" s="216" t="s">
        <v>3633</v>
      </c>
      <c r="NDS1" s="216" t="s">
        <v>3633</v>
      </c>
      <c r="NDT1" s="216" t="s">
        <v>3633</v>
      </c>
      <c r="NDU1" s="216" t="s">
        <v>3633</v>
      </c>
      <c r="NDV1" s="216" t="s">
        <v>3633</v>
      </c>
      <c r="NDW1" s="216" t="s">
        <v>3633</v>
      </c>
      <c r="NDX1" s="216" t="s">
        <v>3633</v>
      </c>
      <c r="NDY1" s="216" t="s">
        <v>3633</v>
      </c>
      <c r="NDZ1" s="216" t="s">
        <v>3633</v>
      </c>
      <c r="NEA1" s="216" t="s">
        <v>3633</v>
      </c>
      <c r="NEB1" s="216" t="s">
        <v>3633</v>
      </c>
      <c r="NEC1" s="216" t="s">
        <v>3633</v>
      </c>
      <c r="NED1" s="216" t="s">
        <v>3633</v>
      </c>
      <c r="NEE1" s="216" t="s">
        <v>3633</v>
      </c>
      <c r="NEF1" s="216" t="s">
        <v>3633</v>
      </c>
      <c r="NEG1" s="216" t="s">
        <v>3633</v>
      </c>
      <c r="NEH1" s="216" t="s">
        <v>3633</v>
      </c>
      <c r="NEI1" s="216" t="s">
        <v>3633</v>
      </c>
      <c r="NEJ1" s="216" t="s">
        <v>3633</v>
      </c>
      <c r="NEK1" s="216" t="s">
        <v>3633</v>
      </c>
      <c r="NEL1" s="216" t="s">
        <v>3633</v>
      </c>
      <c r="NEM1" s="216" t="s">
        <v>3633</v>
      </c>
      <c r="NEN1" s="216" t="s">
        <v>3633</v>
      </c>
      <c r="NEO1" s="216" t="s">
        <v>3633</v>
      </c>
      <c r="NEP1" s="216" t="s">
        <v>3633</v>
      </c>
      <c r="NEQ1" s="216" t="s">
        <v>3633</v>
      </c>
      <c r="NER1" s="216" t="s">
        <v>3633</v>
      </c>
      <c r="NES1" s="216" t="s">
        <v>3633</v>
      </c>
      <c r="NET1" s="216" t="s">
        <v>3633</v>
      </c>
      <c r="NEU1" s="216" t="s">
        <v>3633</v>
      </c>
      <c r="NEV1" s="216" t="s">
        <v>3633</v>
      </c>
      <c r="NEW1" s="216" t="s">
        <v>3633</v>
      </c>
      <c r="NEX1" s="216" t="s">
        <v>3633</v>
      </c>
      <c r="NEY1" s="216" t="s">
        <v>3633</v>
      </c>
      <c r="NEZ1" s="216" t="s">
        <v>3633</v>
      </c>
      <c r="NFA1" s="216" t="s">
        <v>3633</v>
      </c>
      <c r="NFB1" s="216" t="s">
        <v>3633</v>
      </c>
      <c r="NFC1" s="216" t="s">
        <v>3633</v>
      </c>
      <c r="NFD1" s="216" t="s">
        <v>3633</v>
      </c>
      <c r="NFE1" s="216" t="s">
        <v>3633</v>
      </c>
      <c r="NFF1" s="216" t="s">
        <v>3633</v>
      </c>
      <c r="NFG1" s="216" t="s">
        <v>3633</v>
      </c>
      <c r="NFH1" s="216" t="s">
        <v>3633</v>
      </c>
      <c r="NFI1" s="216" t="s">
        <v>3633</v>
      </c>
      <c r="NFJ1" s="216" t="s">
        <v>3633</v>
      </c>
      <c r="NFK1" s="216" t="s">
        <v>3633</v>
      </c>
      <c r="NFL1" s="216" t="s">
        <v>3633</v>
      </c>
      <c r="NFM1" s="216" t="s">
        <v>3633</v>
      </c>
      <c r="NFN1" s="216" t="s">
        <v>3633</v>
      </c>
      <c r="NFO1" s="216" t="s">
        <v>3633</v>
      </c>
      <c r="NFP1" s="216" t="s">
        <v>3633</v>
      </c>
      <c r="NFQ1" s="216" t="s">
        <v>3633</v>
      </c>
      <c r="NFR1" s="216" t="s">
        <v>3633</v>
      </c>
      <c r="NFS1" s="216" t="s">
        <v>3633</v>
      </c>
      <c r="NFT1" s="216" t="s">
        <v>3633</v>
      </c>
      <c r="NFU1" s="216" t="s">
        <v>3633</v>
      </c>
      <c r="NFV1" s="216" t="s">
        <v>3633</v>
      </c>
      <c r="NFW1" s="216" t="s">
        <v>3633</v>
      </c>
      <c r="NFX1" s="216" t="s">
        <v>3633</v>
      </c>
      <c r="NFY1" s="216" t="s">
        <v>3633</v>
      </c>
      <c r="NFZ1" s="216" t="s">
        <v>3633</v>
      </c>
      <c r="NGA1" s="216" t="s">
        <v>3633</v>
      </c>
      <c r="NGB1" s="216" t="s">
        <v>3633</v>
      </c>
      <c r="NGC1" s="216" t="s">
        <v>3633</v>
      </c>
      <c r="NGD1" s="216" t="s">
        <v>3633</v>
      </c>
      <c r="NGE1" s="216" t="s">
        <v>3633</v>
      </c>
      <c r="NGF1" s="216" t="s">
        <v>3633</v>
      </c>
      <c r="NGG1" s="216" t="s">
        <v>3633</v>
      </c>
      <c r="NGH1" s="216" t="s">
        <v>3633</v>
      </c>
      <c r="NGI1" s="216" t="s">
        <v>3633</v>
      </c>
      <c r="NGJ1" s="216" t="s">
        <v>3633</v>
      </c>
      <c r="NGK1" s="216" t="s">
        <v>3633</v>
      </c>
      <c r="NGL1" s="216" t="s">
        <v>3633</v>
      </c>
      <c r="NGM1" s="216" t="s">
        <v>3633</v>
      </c>
      <c r="NGN1" s="216" t="s">
        <v>3633</v>
      </c>
      <c r="NGO1" s="216" t="s">
        <v>3633</v>
      </c>
      <c r="NGP1" s="216" t="s">
        <v>3633</v>
      </c>
      <c r="NGQ1" s="216" t="s">
        <v>3633</v>
      </c>
      <c r="NGR1" s="216" t="s">
        <v>3633</v>
      </c>
      <c r="NGS1" s="216" t="s">
        <v>3633</v>
      </c>
      <c r="NGT1" s="216" t="s">
        <v>3633</v>
      </c>
      <c r="NGU1" s="216" t="s">
        <v>3633</v>
      </c>
      <c r="NGV1" s="216" t="s">
        <v>3633</v>
      </c>
      <c r="NGW1" s="216" t="s">
        <v>3633</v>
      </c>
      <c r="NGX1" s="216" t="s">
        <v>3633</v>
      </c>
      <c r="NGY1" s="216" t="s">
        <v>3633</v>
      </c>
      <c r="NGZ1" s="216" t="s">
        <v>3633</v>
      </c>
      <c r="NHA1" s="216" t="s">
        <v>3633</v>
      </c>
      <c r="NHB1" s="216" t="s">
        <v>3633</v>
      </c>
      <c r="NHC1" s="216" t="s">
        <v>3633</v>
      </c>
      <c r="NHD1" s="216" t="s">
        <v>3633</v>
      </c>
      <c r="NHE1" s="216" t="s">
        <v>3633</v>
      </c>
      <c r="NHF1" s="216" t="s">
        <v>3633</v>
      </c>
      <c r="NHG1" s="216" t="s">
        <v>3633</v>
      </c>
      <c r="NHH1" s="216" t="s">
        <v>3633</v>
      </c>
      <c r="NHI1" s="216" t="s">
        <v>3633</v>
      </c>
      <c r="NHJ1" s="216" t="s">
        <v>3633</v>
      </c>
      <c r="NHK1" s="216" t="s">
        <v>3633</v>
      </c>
      <c r="NHL1" s="216" t="s">
        <v>3633</v>
      </c>
      <c r="NHM1" s="216" t="s">
        <v>3633</v>
      </c>
      <c r="NHN1" s="216" t="s">
        <v>3633</v>
      </c>
      <c r="NHO1" s="216" t="s">
        <v>3633</v>
      </c>
      <c r="NHP1" s="216" t="s">
        <v>3633</v>
      </c>
      <c r="NHQ1" s="216" t="s">
        <v>3633</v>
      </c>
      <c r="NHR1" s="216" t="s">
        <v>3633</v>
      </c>
      <c r="NHS1" s="216" t="s">
        <v>3633</v>
      </c>
      <c r="NHT1" s="216" t="s">
        <v>3633</v>
      </c>
      <c r="NHU1" s="216" t="s">
        <v>3633</v>
      </c>
      <c r="NHV1" s="216" t="s">
        <v>3633</v>
      </c>
      <c r="NHW1" s="216" t="s">
        <v>3633</v>
      </c>
      <c r="NHX1" s="216" t="s">
        <v>3633</v>
      </c>
      <c r="NHY1" s="216" t="s">
        <v>3633</v>
      </c>
      <c r="NHZ1" s="216" t="s">
        <v>3633</v>
      </c>
      <c r="NIA1" s="216" t="s">
        <v>3633</v>
      </c>
      <c r="NIB1" s="216" t="s">
        <v>3633</v>
      </c>
      <c r="NIC1" s="216" t="s">
        <v>3633</v>
      </c>
      <c r="NID1" s="216" t="s">
        <v>3633</v>
      </c>
      <c r="NIE1" s="216" t="s">
        <v>3633</v>
      </c>
      <c r="NIF1" s="216" t="s">
        <v>3633</v>
      </c>
      <c r="NIG1" s="216" t="s">
        <v>3633</v>
      </c>
      <c r="NIH1" s="216" t="s">
        <v>3633</v>
      </c>
      <c r="NII1" s="216" t="s">
        <v>3633</v>
      </c>
      <c r="NIJ1" s="216" t="s">
        <v>3633</v>
      </c>
      <c r="NIK1" s="216" t="s">
        <v>3633</v>
      </c>
      <c r="NIL1" s="216" t="s">
        <v>3633</v>
      </c>
      <c r="NIM1" s="216" t="s">
        <v>3633</v>
      </c>
      <c r="NIN1" s="216" t="s">
        <v>3633</v>
      </c>
      <c r="NIO1" s="216" t="s">
        <v>3633</v>
      </c>
      <c r="NIP1" s="216" t="s">
        <v>3633</v>
      </c>
      <c r="NIQ1" s="216" t="s">
        <v>3633</v>
      </c>
      <c r="NIR1" s="216" t="s">
        <v>3633</v>
      </c>
      <c r="NIS1" s="216" t="s">
        <v>3633</v>
      </c>
      <c r="NIT1" s="216" t="s">
        <v>3633</v>
      </c>
      <c r="NIU1" s="216" t="s">
        <v>3633</v>
      </c>
      <c r="NIV1" s="216" t="s">
        <v>3633</v>
      </c>
      <c r="NIW1" s="216" t="s">
        <v>3633</v>
      </c>
      <c r="NIX1" s="216" t="s">
        <v>3633</v>
      </c>
      <c r="NIY1" s="216" t="s">
        <v>3633</v>
      </c>
      <c r="NIZ1" s="216" t="s">
        <v>3633</v>
      </c>
      <c r="NJA1" s="216" t="s">
        <v>3633</v>
      </c>
      <c r="NJB1" s="216" t="s">
        <v>3633</v>
      </c>
      <c r="NJC1" s="216" t="s">
        <v>3633</v>
      </c>
      <c r="NJD1" s="216" t="s">
        <v>3633</v>
      </c>
      <c r="NJE1" s="216" t="s">
        <v>3633</v>
      </c>
      <c r="NJF1" s="216" t="s">
        <v>3633</v>
      </c>
      <c r="NJG1" s="216" t="s">
        <v>3633</v>
      </c>
      <c r="NJH1" s="216" t="s">
        <v>3633</v>
      </c>
      <c r="NJI1" s="216" t="s">
        <v>3633</v>
      </c>
      <c r="NJJ1" s="216" t="s">
        <v>3633</v>
      </c>
      <c r="NJK1" s="216" t="s">
        <v>3633</v>
      </c>
      <c r="NJL1" s="216" t="s">
        <v>3633</v>
      </c>
      <c r="NJM1" s="216" t="s">
        <v>3633</v>
      </c>
      <c r="NJN1" s="216" t="s">
        <v>3633</v>
      </c>
      <c r="NJO1" s="216" t="s">
        <v>3633</v>
      </c>
      <c r="NJP1" s="216" t="s">
        <v>3633</v>
      </c>
      <c r="NJQ1" s="216" t="s">
        <v>3633</v>
      </c>
      <c r="NJR1" s="216" t="s">
        <v>3633</v>
      </c>
      <c r="NJS1" s="216" t="s">
        <v>3633</v>
      </c>
      <c r="NJT1" s="216" t="s">
        <v>3633</v>
      </c>
      <c r="NJU1" s="216" t="s">
        <v>3633</v>
      </c>
      <c r="NJV1" s="216" t="s">
        <v>3633</v>
      </c>
      <c r="NJW1" s="216" t="s">
        <v>3633</v>
      </c>
      <c r="NJX1" s="216" t="s">
        <v>3633</v>
      </c>
      <c r="NJY1" s="216" t="s">
        <v>3633</v>
      </c>
      <c r="NJZ1" s="216" t="s">
        <v>3633</v>
      </c>
      <c r="NKA1" s="216" t="s">
        <v>3633</v>
      </c>
      <c r="NKB1" s="216" t="s">
        <v>3633</v>
      </c>
      <c r="NKC1" s="216" t="s">
        <v>3633</v>
      </c>
      <c r="NKD1" s="216" t="s">
        <v>3633</v>
      </c>
      <c r="NKE1" s="216" t="s">
        <v>3633</v>
      </c>
      <c r="NKF1" s="216" t="s">
        <v>3633</v>
      </c>
      <c r="NKG1" s="216" t="s">
        <v>3633</v>
      </c>
      <c r="NKH1" s="216" t="s">
        <v>3633</v>
      </c>
      <c r="NKI1" s="216" t="s">
        <v>3633</v>
      </c>
      <c r="NKJ1" s="216" t="s">
        <v>3633</v>
      </c>
      <c r="NKK1" s="216" t="s">
        <v>3633</v>
      </c>
      <c r="NKL1" s="216" t="s">
        <v>3633</v>
      </c>
      <c r="NKM1" s="216" t="s">
        <v>3633</v>
      </c>
      <c r="NKN1" s="216" t="s">
        <v>3633</v>
      </c>
      <c r="NKO1" s="216" t="s">
        <v>3633</v>
      </c>
      <c r="NKP1" s="216" t="s">
        <v>3633</v>
      </c>
      <c r="NKQ1" s="216" t="s">
        <v>3633</v>
      </c>
      <c r="NKR1" s="216" t="s">
        <v>3633</v>
      </c>
      <c r="NKS1" s="216" t="s">
        <v>3633</v>
      </c>
      <c r="NKT1" s="216" t="s">
        <v>3633</v>
      </c>
      <c r="NKU1" s="216" t="s">
        <v>3633</v>
      </c>
      <c r="NKV1" s="216" t="s">
        <v>3633</v>
      </c>
      <c r="NKW1" s="216" t="s">
        <v>3633</v>
      </c>
      <c r="NKX1" s="216" t="s">
        <v>3633</v>
      </c>
      <c r="NKY1" s="216" t="s">
        <v>3633</v>
      </c>
      <c r="NKZ1" s="216" t="s">
        <v>3633</v>
      </c>
      <c r="NLA1" s="216" t="s">
        <v>3633</v>
      </c>
      <c r="NLB1" s="216" t="s">
        <v>3633</v>
      </c>
      <c r="NLC1" s="216" t="s">
        <v>3633</v>
      </c>
      <c r="NLD1" s="216" t="s">
        <v>3633</v>
      </c>
      <c r="NLE1" s="216" t="s">
        <v>3633</v>
      </c>
      <c r="NLF1" s="216" t="s">
        <v>3633</v>
      </c>
      <c r="NLG1" s="216" t="s">
        <v>3633</v>
      </c>
      <c r="NLH1" s="216" t="s">
        <v>3633</v>
      </c>
      <c r="NLI1" s="216" t="s">
        <v>3633</v>
      </c>
      <c r="NLJ1" s="216" t="s">
        <v>3633</v>
      </c>
      <c r="NLK1" s="216" t="s">
        <v>3633</v>
      </c>
      <c r="NLL1" s="216" t="s">
        <v>3633</v>
      </c>
      <c r="NLM1" s="216" t="s">
        <v>3633</v>
      </c>
      <c r="NLN1" s="216" t="s">
        <v>3633</v>
      </c>
      <c r="NLO1" s="216" t="s">
        <v>3633</v>
      </c>
      <c r="NLP1" s="216" t="s">
        <v>3633</v>
      </c>
      <c r="NLQ1" s="216" t="s">
        <v>3633</v>
      </c>
      <c r="NLR1" s="216" t="s">
        <v>3633</v>
      </c>
      <c r="NLS1" s="216" t="s">
        <v>3633</v>
      </c>
      <c r="NLT1" s="216" t="s">
        <v>3633</v>
      </c>
      <c r="NLU1" s="216" t="s">
        <v>3633</v>
      </c>
      <c r="NLV1" s="216" t="s">
        <v>3633</v>
      </c>
      <c r="NLW1" s="216" t="s">
        <v>3633</v>
      </c>
      <c r="NLX1" s="216" t="s">
        <v>3633</v>
      </c>
      <c r="NLY1" s="216" t="s">
        <v>3633</v>
      </c>
      <c r="NLZ1" s="216" t="s">
        <v>3633</v>
      </c>
      <c r="NMA1" s="216" t="s">
        <v>3633</v>
      </c>
      <c r="NMB1" s="216" t="s">
        <v>3633</v>
      </c>
      <c r="NMC1" s="216" t="s">
        <v>3633</v>
      </c>
      <c r="NMD1" s="216" t="s">
        <v>3633</v>
      </c>
      <c r="NME1" s="216" t="s">
        <v>3633</v>
      </c>
      <c r="NMF1" s="216" t="s">
        <v>3633</v>
      </c>
      <c r="NMG1" s="216" t="s">
        <v>3633</v>
      </c>
      <c r="NMH1" s="216" t="s">
        <v>3633</v>
      </c>
      <c r="NMI1" s="216" t="s">
        <v>3633</v>
      </c>
      <c r="NMJ1" s="216" t="s">
        <v>3633</v>
      </c>
      <c r="NMK1" s="216" t="s">
        <v>3633</v>
      </c>
      <c r="NML1" s="216" t="s">
        <v>3633</v>
      </c>
      <c r="NMM1" s="216" t="s">
        <v>3633</v>
      </c>
      <c r="NMN1" s="216" t="s">
        <v>3633</v>
      </c>
      <c r="NMO1" s="216" t="s">
        <v>3633</v>
      </c>
      <c r="NMP1" s="216" t="s">
        <v>3633</v>
      </c>
      <c r="NMQ1" s="216" t="s">
        <v>3633</v>
      </c>
      <c r="NMR1" s="216" t="s">
        <v>3633</v>
      </c>
      <c r="NMS1" s="216" t="s">
        <v>3633</v>
      </c>
      <c r="NMT1" s="216" t="s">
        <v>3633</v>
      </c>
      <c r="NMU1" s="216" t="s">
        <v>3633</v>
      </c>
      <c r="NMV1" s="216" t="s">
        <v>3633</v>
      </c>
      <c r="NMW1" s="216" t="s">
        <v>3633</v>
      </c>
      <c r="NMX1" s="216" t="s">
        <v>3633</v>
      </c>
      <c r="NMY1" s="216" t="s">
        <v>3633</v>
      </c>
      <c r="NMZ1" s="216" t="s">
        <v>3633</v>
      </c>
      <c r="NNA1" s="216" t="s">
        <v>3633</v>
      </c>
      <c r="NNB1" s="216" t="s">
        <v>3633</v>
      </c>
      <c r="NNC1" s="216" t="s">
        <v>3633</v>
      </c>
      <c r="NND1" s="216" t="s">
        <v>3633</v>
      </c>
      <c r="NNE1" s="216" t="s">
        <v>3633</v>
      </c>
      <c r="NNF1" s="216" t="s">
        <v>3633</v>
      </c>
      <c r="NNG1" s="216" t="s">
        <v>3633</v>
      </c>
      <c r="NNH1" s="216" t="s">
        <v>3633</v>
      </c>
      <c r="NNI1" s="216" t="s">
        <v>3633</v>
      </c>
      <c r="NNJ1" s="216" t="s">
        <v>3633</v>
      </c>
      <c r="NNK1" s="216" t="s">
        <v>3633</v>
      </c>
      <c r="NNL1" s="216" t="s">
        <v>3633</v>
      </c>
      <c r="NNM1" s="216" t="s">
        <v>3633</v>
      </c>
      <c r="NNN1" s="216" t="s">
        <v>3633</v>
      </c>
      <c r="NNO1" s="216" t="s">
        <v>3633</v>
      </c>
      <c r="NNP1" s="216" t="s">
        <v>3633</v>
      </c>
      <c r="NNQ1" s="216" t="s">
        <v>3633</v>
      </c>
      <c r="NNR1" s="216" t="s">
        <v>3633</v>
      </c>
      <c r="NNS1" s="216" t="s">
        <v>3633</v>
      </c>
      <c r="NNT1" s="216" t="s">
        <v>3633</v>
      </c>
      <c r="NNU1" s="216" t="s">
        <v>3633</v>
      </c>
      <c r="NNV1" s="216" t="s">
        <v>3633</v>
      </c>
      <c r="NNW1" s="216" t="s">
        <v>3633</v>
      </c>
      <c r="NNX1" s="216" t="s">
        <v>3633</v>
      </c>
      <c r="NNY1" s="216" t="s">
        <v>3633</v>
      </c>
      <c r="NNZ1" s="216" t="s">
        <v>3633</v>
      </c>
      <c r="NOA1" s="216" t="s">
        <v>3633</v>
      </c>
      <c r="NOB1" s="216" t="s">
        <v>3633</v>
      </c>
      <c r="NOC1" s="216" t="s">
        <v>3633</v>
      </c>
      <c r="NOD1" s="216" t="s">
        <v>3633</v>
      </c>
      <c r="NOE1" s="216" t="s">
        <v>3633</v>
      </c>
      <c r="NOF1" s="216" t="s">
        <v>3633</v>
      </c>
      <c r="NOG1" s="216" t="s">
        <v>3633</v>
      </c>
      <c r="NOH1" s="216" t="s">
        <v>3633</v>
      </c>
      <c r="NOI1" s="216" t="s">
        <v>3633</v>
      </c>
      <c r="NOJ1" s="216" t="s">
        <v>3633</v>
      </c>
      <c r="NOK1" s="216" t="s">
        <v>3633</v>
      </c>
      <c r="NOL1" s="216" t="s">
        <v>3633</v>
      </c>
      <c r="NOM1" s="216" t="s">
        <v>3633</v>
      </c>
      <c r="NON1" s="216" t="s">
        <v>3633</v>
      </c>
      <c r="NOO1" s="216" t="s">
        <v>3633</v>
      </c>
      <c r="NOP1" s="216" t="s">
        <v>3633</v>
      </c>
      <c r="NOQ1" s="216" t="s">
        <v>3633</v>
      </c>
      <c r="NOR1" s="216" t="s">
        <v>3633</v>
      </c>
      <c r="NOS1" s="216" t="s">
        <v>3633</v>
      </c>
      <c r="NOT1" s="216" t="s">
        <v>3633</v>
      </c>
      <c r="NOU1" s="216" t="s">
        <v>3633</v>
      </c>
      <c r="NOV1" s="216" t="s">
        <v>3633</v>
      </c>
      <c r="NOW1" s="216" t="s">
        <v>3633</v>
      </c>
      <c r="NOX1" s="216" t="s">
        <v>3633</v>
      </c>
      <c r="NOY1" s="216" t="s">
        <v>3633</v>
      </c>
      <c r="NOZ1" s="216" t="s">
        <v>3633</v>
      </c>
      <c r="NPA1" s="216" t="s">
        <v>3633</v>
      </c>
      <c r="NPB1" s="216" t="s">
        <v>3633</v>
      </c>
      <c r="NPC1" s="216" t="s">
        <v>3633</v>
      </c>
      <c r="NPD1" s="216" t="s">
        <v>3633</v>
      </c>
      <c r="NPE1" s="216" t="s">
        <v>3633</v>
      </c>
      <c r="NPF1" s="216" t="s">
        <v>3633</v>
      </c>
      <c r="NPG1" s="216" t="s">
        <v>3633</v>
      </c>
      <c r="NPH1" s="216" t="s">
        <v>3633</v>
      </c>
      <c r="NPI1" s="216" t="s">
        <v>3633</v>
      </c>
      <c r="NPJ1" s="216" t="s">
        <v>3633</v>
      </c>
      <c r="NPK1" s="216" t="s">
        <v>3633</v>
      </c>
      <c r="NPL1" s="216" t="s">
        <v>3633</v>
      </c>
      <c r="NPM1" s="216" t="s">
        <v>3633</v>
      </c>
      <c r="NPN1" s="216" t="s">
        <v>3633</v>
      </c>
      <c r="NPO1" s="216" t="s">
        <v>3633</v>
      </c>
      <c r="NPP1" s="216" t="s">
        <v>3633</v>
      </c>
      <c r="NPQ1" s="216" t="s">
        <v>3633</v>
      </c>
      <c r="NPR1" s="216" t="s">
        <v>3633</v>
      </c>
      <c r="NPS1" s="216" t="s">
        <v>3633</v>
      </c>
      <c r="NPT1" s="216" t="s">
        <v>3633</v>
      </c>
      <c r="NPU1" s="216" t="s">
        <v>3633</v>
      </c>
      <c r="NPV1" s="216" t="s">
        <v>3633</v>
      </c>
      <c r="NPW1" s="216" t="s">
        <v>3633</v>
      </c>
      <c r="NPX1" s="216" t="s">
        <v>3633</v>
      </c>
      <c r="NPY1" s="216" t="s">
        <v>3633</v>
      </c>
      <c r="NPZ1" s="216" t="s">
        <v>3633</v>
      </c>
      <c r="NQA1" s="216" t="s">
        <v>3633</v>
      </c>
      <c r="NQB1" s="216" t="s">
        <v>3633</v>
      </c>
      <c r="NQC1" s="216" t="s">
        <v>3633</v>
      </c>
      <c r="NQD1" s="216" t="s">
        <v>3633</v>
      </c>
      <c r="NQE1" s="216" t="s">
        <v>3633</v>
      </c>
      <c r="NQF1" s="216" t="s">
        <v>3633</v>
      </c>
      <c r="NQG1" s="216" t="s">
        <v>3633</v>
      </c>
      <c r="NQH1" s="216" t="s">
        <v>3633</v>
      </c>
      <c r="NQI1" s="216" t="s">
        <v>3633</v>
      </c>
      <c r="NQJ1" s="216" t="s">
        <v>3633</v>
      </c>
      <c r="NQK1" s="216" t="s">
        <v>3633</v>
      </c>
      <c r="NQL1" s="216" t="s">
        <v>3633</v>
      </c>
      <c r="NQM1" s="216" t="s">
        <v>3633</v>
      </c>
      <c r="NQN1" s="216" t="s">
        <v>3633</v>
      </c>
      <c r="NQO1" s="216" t="s">
        <v>3633</v>
      </c>
      <c r="NQP1" s="216" t="s">
        <v>3633</v>
      </c>
      <c r="NQQ1" s="216" t="s">
        <v>3633</v>
      </c>
      <c r="NQR1" s="216" t="s">
        <v>3633</v>
      </c>
      <c r="NQS1" s="216" t="s">
        <v>3633</v>
      </c>
      <c r="NQT1" s="216" t="s">
        <v>3633</v>
      </c>
      <c r="NQU1" s="216" t="s">
        <v>3633</v>
      </c>
      <c r="NQV1" s="216" t="s">
        <v>3633</v>
      </c>
      <c r="NQW1" s="216" t="s">
        <v>3633</v>
      </c>
      <c r="NQX1" s="216" t="s">
        <v>3633</v>
      </c>
      <c r="NQY1" s="216" t="s">
        <v>3633</v>
      </c>
      <c r="NQZ1" s="216" t="s">
        <v>3633</v>
      </c>
      <c r="NRA1" s="216" t="s">
        <v>3633</v>
      </c>
      <c r="NRB1" s="216" t="s">
        <v>3633</v>
      </c>
      <c r="NRC1" s="216" t="s">
        <v>3633</v>
      </c>
      <c r="NRD1" s="216" t="s">
        <v>3633</v>
      </c>
      <c r="NRE1" s="216" t="s">
        <v>3633</v>
      </c>
      <c r="NRF1" s="216" t="s">
        <v>3633</v>
      </c>
      <c r="NRG1" s="216" t="s">
        <v>3633</v>
      </c>
      <c r="NRH1" s="216" t="s">
        <v>3633</v>
      </c>
      <c r="NRI1" s="216" t="s">
        <v>3633</v>
      </c>
      <c r="NRJ1" s="216" t="s">
        <v>3633</v>
      </c>
      <c r="NRK1" s="216" t="s">
        <v>3633</v>
      </c>
      <c r="NRL1" s="216" t="s">
        <v>3633</v>
      </c>
      <c r="NRM1" s="216" t="s">
        <v>3633</v>
      </c>
      <c r="NRN1" s="216" t="s">
        <v>3633</v>
      </c>
      <c r="NRO1" s="216" t="s">
        <v>3633</v>
      </c>
      <c r="NRP1" s="216" t="s">
        <v>3633</v>
      </c>
      <c r="NRQ1" s="216" t="s">
        <v>3633</v>
      </c>
      <c r="NRR1" s="216" t="s">
        <v>3633</v>
      </c>
      <c r="NRS1" s="216" t="s">
        <v>3633</v>
      </c>
      <c r="NRT1" s="216" t="s">
        <v>3633</v>
      </c>
      <c r="NRU1" s="216" t="s">
        <v>3633</v>
      </c>
      <c r="NRV1" s="216" t="s">
        <v>3633</v>
      </c>
      <c r="NRW1" s="216" t="s">
        <v>3633</v>
      </c>
      <c r="NRX1" s="216" t="s">
        <v>3633</v>
      </c>
      <c r="NRY1" s="216" t="s">
        <v>3633</v>
      </c>
      <c r="NRZ1" s="216" t="s">
        <v>3633</v>
      </c>
      <c r="NSA1" s="216" t="s">
        <v>3633</v>
      </c>
      <c r="NSB1" s="216" t="s">
        <v>3633</v>
      </c>
      <c r="NSC1" s="216" t="s">
        <v>3633</v>
      </c>
      <c r="NSD1" s="216" t="s">
        <v>3633</v>
      </c>
      <c r="NSE1" s="216" t="s">
        <v>3633</v>
      </c>
      <c r="NSF1" s="216" t="s">
        <v>3633</v>
      </c>
      <c r="NSG1" s="216" t="s">
        <v>3633</v>
      </c>
      <c r="NSH1" s="216" t="s">
        <v>3633</v>
      </c>
      <c r="NSI1" s="216" t="s">
        <v>3633</v>
      </c>
      <c r="NSJ1" s="216" t="s">
        <v>3633</v>
      </c>
      <c r="NSK1" s="216" t="s">
        <v>3633</v>
      </c>
      <c r="NSL1" s="216" t="s">
        <v>3633</v>
      </c>
      <c r="NSM1" s="216" t="s">
        <v>3633</v>
      </c>
      <c r="NSN1" s="216" t="s">
        <v>3633</v>
      </c>
      <c r="NSO1" s="216" t="s">
        <v>3633</v>
      </c>
      <c r="NSP1" s="216" t="s">
        <v>3633</v>
      </c>
      <c r="NSQ1" s="216" t="s">
        <v>3633</v>
      </c>
      <c r="NSR1" s="216" t="s">
        <v>3633</v>
      </c>
      <c r="NSS1" s="216" t="s">
        <v>3633</v>
      </c>
      <c r="NST1" s="216" t="s">
        <v>3633</v>
      </c>
      <c r="NSU1" s="216" t="s">
        <v>3633</v>
      </c>
      <c r="NSV1" s="216" t="s">
        <v>3633</v>
      </c>
      <c r="NSW1" s="216" t="s">
        <v>3633</v>
      </c>
      <c r="NSX1" s="216" t="s">
        <v>3633</v>
      </c>
      <c r="NSY1" s="216" t="s">
        <v>3633</v>
      </c>
      <c r="NSZ1" s="216" t="s">
        <v>3633</v>
      </c>
      <c r="NTA1" s="216" t="s">
        <v>3633</v>
      </c>
      <c r="NTB1" s="216" t="s">
        <v>3633</v>
      </c>
      <c r="NTC1" s="216" t="s">
        <v>3633</v>
      </c>
      <c r="NTD1" s="216" t="s">
        <v>3633</v>
      </c>
      <c r="NTE1" s="216" t="s">
        <v>3633</v>
      </c>
      <c r="NTF1" s="216" t="s">
        <v>3633</v>
      </c>
      <c r="NTG1" s="216" t="s">
        <v>3633</v>
      </c>
      <c r="NTH1" s="216" t="s">
        <v>3633</v>
      </c>
      <c r="NTI1" s="216" t="s">
        <v>3633</v>
      </c>
      <c r="NTJ1" s="216" t="s">
        <v>3633</v>
      </c>
      <c r="NTK1" s="216" t="s">
        <v>3633</v>
      </c>
      <c r="NTL1" s="216" t="s">
        <v>3633</v>
      </c>
      <c r="NTM1" s="216" t="s">
        <v>3633</v>
      </c>
      <c r="NTN1" s="216" t="s">
        <v>3633</v>
      </c>
      <c r="NTO1" s="216" t="s">
        <v>3633</v>
      </c>
      <c r="NTP1" s="216" t="s">
        <v>3633</v>
      </c>
      <c r="NTQ1" s="216" t="s">
        <v>3633</v>
      </c>
      <c r="NTR1" s="216" t="s">
        <v>3633</v>
      </c>
      <c r="NTS1" s="216" t="s">
        <v>3633</v>
      </c>
      <c r="NTT1" s="216" t="s">
        <v>3633</v>
      </c>
      <c r="NTU1" s="216" t="s">
        <v>3633</v>
      </c>
      <c r="NTV1" s="216" t="s">
        <v>3633</v>
      </c>
      <c r="NTW1" s="216" t="s">
        <v>3633</v>
      </c>
      <c r="NTX1" s="216" t="s">
        <v>3633</v>
      </c>
      <c r="NTY1" s="216" t="s">
        <v>3633</v>
      </c>
      <c r="NTZ1" s="216" t="s">
        <v>3633</v>
      </c>
      <c r="NUA1" s="216" t="s">
        <v>3633</v>
      </c>
      <c r="NUB1" s="216" t="s">
        <v>3633</v>
      </c>
      <c r="NUC1" s="216" t="s">
        <v>3633</v>
      </c>
      <c r="NUD1" s="216" t="s">
        <v>3633</v>
      </c>
      <c r="NUE1" s="216" t="s">
        <v>3633</v>
      </c>
      <c r="NUF1" s="216" t="s">
        <v>3633</v>
      </c>
      <c r="NUG1" s="216" t="s">
        <v>3633</v>
      </c>
      <c r="NUH1" s="216" t="s">
        <v>3633</v>
      </c>
      <c r="NUI1" s="216" t="s">
        <v>3633</v>
      </c>
      <c r="NUJ1" s="216" t="s">
        <v>3633</v>
      </c>
      <c r="NUK1" s="216" t="s">
        <v>3633</v>
      </c>
      <c r="NUL1" s="216" t="s">
        <v>3633</v>
      </c>
      <c r="NUM1" s="216" t="s">
        <v>3633</v>
      </c>
      <c r="NUN1" s="216" t="s">
        <v>3633</v>
      </c>
      <c r="NUO1" s="216" t="s">
        <v>3633</v>
      </c>
      <c r="NUP1" s="216" t="s">
        <v>3633</v>
      </c>
      <c r="NUQ1" s="216" t="s">
        <v>3633</v>
      </c>
      <c r="NUR1" s="216" t="s">
        <v>3633</v>
      </c>
      <c r="NUS1" s="216" t="s">
        <v>3633</v>
      </c>
      <c r="NUT1" s="216" t="s">
        <v>3633</v>
      </c>
      <c r="NUU1" s="216" t="s">
        <v>3633</v>
      </c>
      <c r="NUV1" s="216" t="s">
        <v>3633</v>
      </c>
      <c r="NUW1" s="216" t="s">
        <v>3633</v>
      </c>
      <c r="NUX1" s="216" t="s">
        <v>3633</v>
      </c>
      <c r="NUY1" s="216" t="s">
        <v>3633</v>
      </c>
      <c r="NUZ1" s="216" t="s">
        <v>3633</v>
      </c>
      <c r="NVA1" s="216" t="s">
        <v>3633</v>
      </c>
      <c r="NVB1" s="216" t="s">
        <v>3633</v>
      </c>
      <c r="NVC1" s="216" t="s">
        <v>3633</v>
      </c>
      <c r="NVD1" s="216" t="s">
        <v>3633</v>
      </c>
      <c r="NVE1" s="216" t="s">
        <v>3633</v>
      </c>
      <c r="NVF1" s="216" t="s">
        <v>3633</v>
      </c>
      <c r="NVG1" s="216" t="s">
        <v>3633</v>
      </c>
      <c r="NVH1" s="216" t="s">
        <v>3633</v>
      </c>
      <c r="NVI1" s="216" t="s">
        <v>3633</v>
      </c>
      <c r="NVJ1" s="216" t="s">
        <v>3633</v>
      </c>
      <c r="NVK1" s="216" t="s">
        <v>3633</v>
      </c>
      <c r="NVL1" s="216" t="s">
        <v>3633</v>
      </c>
      <c r="NVM1" s="216" t="s">
        <v>3633</v>
      </c>
      <c r="NVN1" s="216" t="s">
        <v>3633</v>
      </c>
      <c r="NVO1" s="216" t="s">
        <v>3633</v>
      </c>
      <c r="NVP1" s="216" t="s">
        <v>3633</v>
      </c>
      <c r="NVQ1" s="216" t="s">
        <v>3633</v>
      </c>
      <c r="NVR1" s="216" t="s">
        <v>3633</v>
      </c>
      <c r="NVS1" s="216" t="s">
        <v>3633</v>
      </c>
      <c r="NVT1" s="216" t="s">
        <v>3633</v>
      </c>
      <c r="NVU1" s="216" t="s">
        <v>3633</v>
      </c>
      <c r="NVV1" s="216" t="s">
        <v>3633</v>
      </c>
      <c r="NVW1" s="216" t="s">
        <v>3633</v>
      </c>
      <c r="NVX1" s="216" t="s">
        <v>3633</v>
      </c>
      <c r="NVY1" s="216" t="s">
        <v>3633</v>
      </c>
      <c r="NVZ1" s="216" t="s">
        <v>3633</v>
      </c>
      <c r="NWA1" s="216" t="s">
        <v>3633</v>
      </c>
      <c r="NWB1" s="216" t="s">
        <v>3633</v>
      </c>
      <c r="NWC1" s="216" t="s">
        <v>3633</v>
      </c>
      <c r="NWD1" s="216" t="s">
        <v>3633</v>
      </c>
      <c r="NWE1" s="216" t="s">
        <v>3633</v>
      </c>
      <c r="NWF1" s="216" t="s">
        <v>3633</v>
      </c>
      <c r="NWG1" s="216" t="s">
        <v>3633</v>
      </c>
      <c r="NWH1" s="216" t="s">
        <v>3633</v>
      </c>
      <c r="NWI1" s="216" t="s">
        <v>3633</v>
      </c>
      <c r="NWJ1" s="216" t="s">
        <v>3633</v>
      </c>
      <c r="NWK1" s="216" t="s">
        <v>3633</v>
      </c>
      <c r="NWL1" s="216" t="s">
        <v>3633</v>
      </c>
      <c r="NWM1" s="216" t="s">
        <v>3633</v>
      </c>
      <c r="NWN1" s="216" t="s">
        <v>3633</v>
      </c>
      <c r="NWO1" s="216" t="s">
        <v>3633</v>
      </c>
      <c r="NWP1" s="216" t="s">
        <v>3633</v>
      </c>
      <c r="NWQ1" s="216" t="s">
        <v>3633</v>
      </c>
      <c r="NWR1" s="216" t="s">
        <v>3633</v>
      </c>
      <c r="NWS1" s="216" t="s">
        <v>3633</v>
      </c>
      <c r="NWT1" s="216" t="s">
        <v>3633</v>
      </c>
      <c r="NWU1" s="216" t="s">
        <v>3633</v>
      </c>
      <c r="NWV1" s="216" t="s">
        <v>3633</v>
      </c>
      <c r="NWW1" s="216" t="s">
        <v>3633</v>
      </c>
      <c r="NWX1" s="216" t="s">
        <v>3633</v>
      </c>
      <c r="NWY1" s="216" t="s">
        <v>3633</v>
      </c>
      <c r="NWZ1" s="216" t="s">
        <v>3633</v>
      </c>
      <c r="NXA1" s="216" t="s">
        <v>3633</v>
      </c>
      <c r="NXB1" s="216" t="s">
        <v>3633</v>
      </c>
      <c r="NXC1" s="216" t="s">
        <v>3633</v>
      </c>
      <c r="NXD1" s="216" t="s">
        <v>3633</v>
      </c>
      <c r="NXE1" s="216" t="s">
        <v>3633</v>
      </c>
      <c r="NXF1" s="216" t="s">
        <v>3633</v>
      </c>
      <c r="NXG1" s="216" t="s">
        <v>3633</v>
      </c>
      <c r="NXH1" s="216" t="s">
        <v>3633</v>
      </c>
      <c r="NXI1" s="216" t="s">
        <v>3633</v>
      </c>
      <c r="NXJ1" s="216" t="s">
        <v>3633</v>
      </c>
      <c r="NXK1" s="216" t="s">
        <v>3633</v>
      </c>
      <c r="NXL1" s="216" t="s">
        <v>3633</v>
      </c>
      <c r="NXM1" s="216" t="s">
        <v>3633</v>
      </c>
      <c r="NXN1" s="216" t="s">
        <v>3633</v>
      </c>
      <c r="NXO1" s="216" t="s">
        <v>3633</v>
      </c>
      <c r="NXP1" s="216" t="s">
        <v>3633</v>
      </c>
      <c r="NXQ1" s="216" t="s">
        <v>3633</v>
      </c>
      <c r="NXR1" s="216" t="s">
        <v>3633</v>
      </c>
      <c r="NXS1" s="216" t="s">
        <v>3633</v>
      </c>
      <c r="NXT1" s="216" t="s">
        <v>3633</v>
      </c>
      <c r="NXU1" s="216" t="s">
        <v>3633</v>
      </c>
      <c r="NXV1" s="216" t="s">
        <v>3633</v>
      </c>
      <c r="NXW1" s="216" t="s">
        <v>3633</v>
      </c>
      <c r="NXX1" s="216" t="s">
        <v>3633</v>
      </c>
      <c r="NXY1" s="216" t="s">
        <v>3633</v>
      </c>
      <c r="NXZ1" s="216" t="s">
        <v>3633</v>
      </c>
      <c r="NYA1" s="216" t="s">
        <v>3633</v>
      </c>
      <c r="NYB1" s="216" t="s">
        <v>3633</v>
      </c>
      <c r="NYC1" s="216" t="s">
        <v>3633</v>
      </c>
      <c r="NYD1" s="216" t="s">
        <v>3633</v>
      </c>
      <c r="NYE1" s="216" t="s">
        <v>3633</v>
      </c>
      <c r="NYF1" s="216" t="s">
        <v>3633</v>
      </c>
      <c r="NYG1" s="216" t="s">
        <v>3633</v>
      </c>
      <c r="NYH1" s="216" t="s">
        <v>3633</v>
      </c>
      <c r="NYI1" s="216" t="s">
        <v>3633</v>
      </c>
      <c r="NYJ1" s="216" t="s">
        <v>3633</v>
      </c>
      <c r="NYK1" s="216" t="s">
        <v>3633</v>
      </c>
      <c r="NYL1" s="216" t="s">
        <v>3633</v>
      </c>
      <c r="NYM1" s="216" t="s">
        <v>3633</v>
      </c>
      <c r="NYN1" s="216" t="s">
        <v>3633</v>
      </c>
      <c r="NYO1" s="216" t="s">
        <v>3633</v>
      </c>
      <c r="NYP1" s="216" t="s">
        <v>3633</v>
      </c>
      <c r="NYQ1" s="216" t="s">
        <v>3633</v>
      </c>
      <c r="NYR1" s="216" t="s">
        <v>3633</v>
      </c>
      <c r="NYS1" s="216" t="s">
        <v>3633</v>
      </c>
      <c r="NYT1" s="216" t="s">
        <v>3633</v>
      </c>
      <c r="NYU1" s="216" t="s">
        <v>3633</v>
      </c>
      <c r="NYV1" s="216" t="s">
        <v>3633</v>
      </c>
      <c r="NYW1" s="216" t="s">
        <v>3633</v>
      </c>
      <c r="NYX1" s="216" t="s">
        <v>3633</v>
      </c>
      <c r="NYY1" s="216" t="s">
        <v>3633</v>
      </c>
      <c r="NYZ1" s="216" t="s">
        <v>3633</v>
      </c>
      <c r="NZA1" s="216" t="s">
        <v>3633</v>
      </c>
      <c r="NZB1" s="216" t="s">
        <v>3633</v>
      </c>
      <c r="NZC1" s="216" t="s">
        <v>3633</v>
      </c>
      <c r="NZD1" s="216" t="s">
        <v>3633</v>
      </c>
      <c r="NZE1" s="216" t="s">
        <v>3633</v>
      </c>
      <c r="NZF1" s="216" t="s">
        <v>3633</v>
      </c>
      <c r="NZG1" s="216" t="s">
        <v>3633</v>
      </c>
      <c r="NZH1" s="216" t="s">
        <v>3633</v>
      </c>
      <c r="NZI1" s="216" t="s">
        <v>3633</v>
      </c>
      <c r="NZJ1" s="216" t="s">
        <v>3633</v>
      </c>
      <c r="NZK1" s="216" t="s">
        <v>3633</v>
      </c>
      <c r="NZL1" s="216" t="s">
        <v>3633</v>
      </c>
      <c r="NZM1" s="216" t="s">
        <v>3633</v>
      </c>
      <c r="NZN1" s="216" t="s">
        <v>3633</v>
      </c>
      <c r="NZO1" s="216" t="s">
        <v>3633</v>
      </c>
      <c r="NZP1" s="216" t="s">
        <v>3633</v>
      </c>
      <c r="NZQ1" s="216" t="s">
        <v>3633</v>
      </c>
      <c r="NZR1" s="216" t="s">
        <v>3633</v>
      </c>
      <c r="NZS1" s="216" t="s">
        <v>3633</v>
      </c>
      <c r="NZT1" s="216" t="s">
        <v>3633</v>
      </c>
      <c r="NZU1" s="216" t="s">
        <v>3633</v>
      </c>
      <c r="NZV1" s="216" t="s">
        <v>3633</v>
      </c>
      <c r="NZW1" s="216" t="s">
        <v>3633</v>
      </c>
      <c r="NZX1" s="216" t="s">
        <v>3633</v>
      </c>
      <c r="NZY1" s="216" t="s">
        <v>3633</v>
      </c>
      <c r="NZZ1" s="216" t="s">
        <v>3633</v>
      </c>
      <c r="OAA1" s="216" t="s">
        <v>3633</v>
      </c>
      <c r="OAB1" s="216" t="s">
        <v>3633</v>
      </c>
      <c r="OAC1" s="216" t="s">
        <v>3633</v>
      </c>
      <c r="OAD1" s="216" t="s">
        <v>3633</v>
      </c>
      <c r="OAE1" s="216" t="s">
        <v>3633</v>
      </c>
      <c r="OAF1" s="216" t="s">
        <v>3633</v>
      </c>
      <c r="OAG1" s="216" t="s">
        <v>3633</v>
      </c>
      <c r="OAH1" s="216" t="s">
        <v>3633</v>
      </c>
      <c r="OAI1" s="216" t="s">
        <v>3633</v>
      </c>
      <c r="OAJ1" s="216" t="s">
        <v>3633</v>
      </c>
      <c r="OAK1" s="216" t="s">
        <v>3633</v>
      </c>
      <c r="OAL1" s="216" t="s">
        <v>3633</v>
      </c>
      <c r="OAM1" s="216" t="s">
        <v>3633</v>
      </c>
      <c r="OAN1" s="216" t="s">
        <v>3633</v>
      </c>
      <c r="OAO1" s="216" t="s">
        <v>3633</v>
      </c>
      <c r="OAP1" s="216" t="s">
        <v>3633</v>
      </c>
      <c r="OAQ1" s="216" t="s">
        <v>3633</v>
      </c>
      <c r="OAR1" s="216" t="s">
        <v>3633</v>
      </c>
      <c r="OAS1" s="216" t="s">
        <v>3633</v>
      </c>
      <c r="OAT1" s="216" t="s">
        <v>3633</v>
      </c>
      <c r="OAU1" s="216" t="s">
        <v>3633</v>
      </c>
      <c r="OAV1" s="216" t="s">
        <v>3633</v>
      </c>
      <c r="OAW1" s="216" t="s">
        <v>3633</v>
      </c>
      <c r="OAX1" s="216" t="s">
        <v>3633</v>
      </c>
      <c r="OAY1" s="216" t="s">
        <v>3633</v>
      </c>
      <c r="OAZ1" s="216" t="s">
        <v>3633</v>
      </c>
      <c r="OBA1" s="216" t="s">
        <v>3633</v>
      </c>
      <c r="OBB1" s="216" t="s">
        <v>3633</v>
      </c>
      <c r="OBC1" s="216" t="s">
        <v>3633</v>
      </c>
      <c r="OBD1" s="216" t="s">
        <v>3633</v>
      </c>
      <c r="OBE1" s="216" t="s">
        <v>3633</v>
      </c>
      <c r="OBF1" s="216" t="s">
        <v>3633</v>
      </c>
      <c r="OBG1" s="216" t="s">
        <v>3633</v>
      </c>
      <c r="OBH1" s="216" t="s">
        <v>3633</v>
      </c>
      <c r="OBI1" s="216" t="s">
        <v>3633</v>
      </c>
      <c r="OBJ1" s="216" t="s">
        <v>3633</v>
      </c>
      <c r="OBK1" s="216" t="s">
        <v>3633</v>
      </c>
      <c r="OBL1" s="216" t="s">
        <v>3633</v>
      </c>
      <c r="OBM1" s="216" t="s">
        <v>3633</v>
      </c>
      <c r="OBN1" s="216" t="s">
        <v>3633</v>
      </c>
      <c r="OBO1" s="216" t="s">
        <v>3633</v>
      </c>
      <c r="OBP1" s="216" t="s">
        <v>3633</v>
      </c>
      <c r="OBQ1" s="216" t="s">
        <v>3633</v>
      </c>
      <c r="OBR1" s="216" t="s">
        <v>3633</v>
      </c>
      <c r="OBS1" s="216" t="s">
        <v>3633</v>
      </c>
      <c r="OBT1" s="216" t="s">
        <v>3633</v>
      </c>
      <c r="OBU1" s="216" t="s">
        <v>3633</v>
      </c>
      <c r="OBV1" s="216" t="s">
        <v>3633</v>
      </c>
      <c r="OBW1" s="216" t="s">
        <v>3633</v>
      </c>
      <c r="OBX1" s="216" t="s">
        <v>3633</v>
      </c>
      <c r="OBY1" s="216" t="s">
        <v>3633</v>
      </c>
      <c r="OBZ1" s="216" t="s">
        <v>3633</v>
      </c>
      <c r="OCA1" s="216" t="s">
        <v>3633</v>
      </c>
      <c r="OCB1" s="216" t="s">
        <v>3633</v>
      </c>
      <c r="OCC1" s="216" t="s">
        <v>3633</v>
      </c>
      <c r="OCD1" s="216" t="s">
        <v>3633</v>
      </c>
      <c r="OCE1" s="216" t="s">
        <v>3633</v>
      </c>
      <c r="OCF1" s="216" t="s">
        <v>3633</v>
      </c>
      <c r="OCG1" s="216" t="s">
        <v>3633</v>
      </c>
      <c r="OCH1" s="216" t="s">
        <v>3633</v>
      </c>
      <c r="OCI1" s="216" t="s">
        <v>3633</v>
      </c>
      <c r="OCJ1" s="216" t="s">
        <v>3633</v>
      </c>
      <c r="OCK1" s="216" t="s">
        <v>3633</v>
      </c>
      <c r="OCL1" s="216" t="s">
        <v>3633</v>
      </c>
      <c r="OCM1" s="216" t="s">
        <v>3633</v>
      </c>
      <c r="OCN1" s="216" t="s">
        <v>3633</v>
      </c>
      <c r="OCO1" s="216" t="s">
        <v>3633</v>
      </c>
      <c r="OCP1" s="216" t="s">
        <v>3633</v>
      </c>
      <c r="OCQ1" s="216" t="s">
        <v>3633</v>
      </c>
      <c r="OCR1" s="216" t="s">
        <v>3633</v>
      </c>
      <c r="OCS1" s="216" t="s">
        <v>3633</v>
      </c>
      <c r="OCT1" s="216" t="s">
        <v>3633</v>
      </c>
      <c r="OCU1" s="216" t="s">
        <v>3633</v>
      </c>
      <c r="OCV1" s="216" t="s">
        <v>3633</v>
      </c>
      <c r="OCW1" s="216" t="s">
        <v>3633</v>
      </c>
      <c r="OCX1" s="216" t="s">
        <v>3633</v>
      </c>
      <c r="OCY1" s="216" t="s">
        <v>3633</v>
      </c>
      <c r="OCZ1" s="216" t="s">
        <v>3633</v>
      </c>
      <c r="ODA1" s="216" t="s">
        <v>3633</v>
      </c>
      <c r="ODB1" s="216" t="s">
        <v>3633</v>
      </c>
      <c r="ODC1" s="216" t="s">
        <v>3633</v>
      </c>
      <c r="ODD1" s="216" t="s">
        <v>3633</v>
      </c>
      <c r="ODE1" s="216" t="s">
        <v>3633</v>
      </c>
      <c r="ODF1" s="216" t="s">
        <v>3633</v>
      </c>
      <c r="ODG1" s="216" t="s">
        <v>3633</v>
      </c>
      <c r="ODH1" s="216" t="s">
        <v>3633</v>
      </c>
      <c r="ODI1" s="216" t="s">
        <v>3633</v>
      </c>
      <c r="ODJ1" s="216" t="s">
        <v>3633</v>
      </c>
      <c r="ODK1" s="216" t="s">
        <v>3633</v>
      </c>
      <c r="ODL1" s="216" t="s">
        <v>3633</v>
      </c>
      <c r="ODM1" s="216" t="s">
        <v>3633</v>
      </c>
      <c r="ODN1" s="216" t="s">
        <v>3633</v>
      </c>
      <c r="ODO1" s="216" t="s">
        <v>3633</v>
      </c>
      <c r="ODP1" s="216" t="s">
        <v>3633</v>
      </c>
      <c r="ODQ1" s="216" t="s">
        <v>3633</v>
      </c>
      <c r="ODR1" s="216" t="s">
        <v>3633</v>
      </c>
      <c r="ODS1" s="216" t="s">
        <v>3633</v>
      </c>
      <c r="ODT1" s="216" t="s">
        <v>3633</v>
      </c>
      <c r="ODU1" s="216" t="s">
        <v>3633</v>
      </c>
      <c r="ODV1" s="216" t="s">
        <v>3633</v>
      </c>
      <c r="ODW1" s="216" t="s">
        <v>3633</v>
      </c>
      <c r="ODX1" s="216" t="s">
        <v>3633</v>
      </c>
      <c r="ODY1" s="216" t="s">
        <v>3633</v>
      </c>
      <c r="ODZ1" s="216" t="s">
        <v>3633</v>
      </c>
      <c r="OEA1" s="216" t="s">
        <v>3633</v>
      </c>
      <c r="OEB1" s="216" t="s">
        <v>3633</v>
      </c>
      <c r="OEC1" s="216" t="s">
        <v>3633</v>
      </c>
      <c r="OED1" s="216" t="s">
        <v>3633</v>
      </c>
      <c r="OEE1" s="216" t="s">
        <v>3633</v>
      </c>
      <c r="OEF1" s="216" t="s">
        <v>3633</v>
      </c>
      <c r="OEG1" s="216" t="s">
        <v>3633</v>
      </c>
      <c r="OEH1" s="216" t="s">
        <v>3633</v>
      </c>
      <c r="OEI1" s="216" t="s">
        <v>3633</v>
      </c>
      <c r="OEJ1" s="216" t="s">
        <v>3633</v>
      </c>
      <c r="OEK1" s="216" t="s">
        <v>3633</v>
      </c>
      <c r="OEL1" s="216" t="s">
        <v>3633</v>
      </c>
      <c r="OEM1" s="216" t="s">
        <v>3633</v>
      </c>
      <c r="OEN1" s="216" t="s">
        <v>3633</v>
      </c>
      <c r="OEO1" s="216" t="s">
        <v>3633</v>
      </c>
      <c r="OEP1" s="216" t="s">
        <v>3633</v>
      </c>
      <c r="OEQ1" s="216" t="s">
        <v>3633</v>
      </c>
      <c r="OER1" s="216" t="s">
        <v>3633</v>
      </c>
      <c r="OES1" s="216" t="s">
        <v>3633</v>
      </c>
      <c r="OET1" s="216" t="s">
        <v>3633</v>
      </c>
      <c r="OEU1" s="216" t="s">
        <v>3633</v>
      </c>
      <c r="OEV1" s="216" t="s">
        <v>3633</v>
      </c>
      <c r="OEW1" s="216" t="s">
        <v>3633</v>
      </c>
      <c r="OEX1" s="216" t="s">
        <v>3633</v>
      </c>
      <c r="OEY1" s="216" t="s">
        <v>3633</v>
      </c>
      <c r="OEZ1" s="216" t="s">
        <v>3633</v>
      </c>
      <c r="OFA1" s="216" t="s">
        <v>3633</v>
      </c>
      <c r="OFB1" s="216" t="s">
        <v>3633</v>
      </c>
      <c r="OFC1" s="216" t="s">
        <v>3633</v>
      </c>
      <c r="OFD1" s="216" t="s">
        <v>3633</v>
      </c>
      <c r="OFE1" s="216" t="s">
        <v>3633</v>
      </c>
      <c r="OFF1" s="216" t="s">
        <v>3633</v>
      </c>
      <c r="OFG1" s="216" t="s">
        <v>3633</v>
      </c>
      <c r="OFH1" s="216" t="s">
        <v>3633</v>
      </c>
      <c r="OFI1" s="216" t="s">
        <v>3633</v>
      </c>
      <c r="OFJ1" s="216" t="s">
        <v>3633</v>
      </c>
      <c r="OFK1" s="216" t="s">
        <v>3633</v>
      </c>
      <c r="OFL1" s="216" t="s">
        <v>3633</v>
      </c>
      <c r="OFM1" s="216" t="s">
        <v>3633</v>
      </c>
      <c r="OFN1" s="216" t="s">
        <v>3633</v>
      </c>
      <c r="OFO1" s="216" t="s">
        <v>3633</v>
      </c>
      <c r="OFP1" s="216" t="s">
        <v>3633</v>
      </c>
      <c r="OFQ1" s="216" t="s">
        <v>3633</v>
      </c>
      <c r="OFR1" s="216" t="s">
        <v>3633</v>
      </c>
      <c r="OFS1" s="216" t="s">
        <v>3633</v>
      </c>
      <c r="OFT1" s="216" t="s">
        <v>3633</v>
      </c>
      <c r="OFU1" s="216" t="s">
        <v>3633</v>
      </c>
      <c r="OFV1" s="216" t="s">
        <v>3633</v>
      </c>
      <c r="OFW1" s="216" t="s">
        <v>3633</v>
      </c>
      <c r="OFX1" s="216" t="s">
        <v>3633</v>
      </c>
      <c r="OFY1" s="216" t="s">
        <v>3633</v>
      </c>
      <c r="OFZ1" s="216" t="s">
        <v>3633</v>
      </c>
      <c r="OGA1" s="216" t="s">
        <v>3633</v>
      </c>
      <c r="OGB1" s="216" t="s">
        <v>3633</v>
      </c>
      <c r="OGC1" s="216" t="s">
        <v>3633</v>
      </c>
      <c r="OGD1" s="216" t="s">
        <v>3633</v>
      </c>
      <c r="OGE1" s="216" t="s">
        <v>3633</v>
      </c>
      <c r="OGF1" s="216" t="s">
        <v>3633</v>
      </c>
      <c r="OGG1" s="216" t="s">
        <v>3633</v>
      </c>
      <c r="OGH1" s="216" t="s">
        <v>3633</v>
      </c>
      <c r="OGI1" s="216" t="s">
        <v>3633</v>
      </c>
      <c r="OGJ1" s="216" t="s">
        <v>3633</v>
      </c>
      <c r="OGK1" s="216" t="s">
        <v>3633</v>
      </c>
      <c r="OGL1" s="216" t="s">
        <v>3633</v>
      </c>
      <c r="OGM1" s="216" t="s">
        <v>3633</v>
      </c>
      <c r="OGN1" s="216" t="s">
        <v>3633</v>
      </c>
      <c r="OGO1" s="216" t="s">
        <v>3633</v>
      </c>
      <c r="OGP1" s="216" t="s">
        <v>3633</v>
      </c>
      <c r="OGQ1" s="216" t="s">
        <v>3633</v>
      </c>
      <c r="OGR1" s="216" t="s">
        <v>3633</v>
      </c>
      <c r="OGS1" s="216" t="s">
        <v>3633</v>
      </c>
      <c r="OGT1" s="216" t="s">
        <v>3633</v>
      </c>
      <c r="OGU1" s="216" t="s">
        <v>3633</v>
      </c>
      <c r="OGV1" s="216" t="s">
        <v>3633</v>
      </c>
      <c r="OGW1" s="216" t="s">
        <v>3633</v>
      </c>
      <c r="OGX1" s="216" t="s">
        <v>3633</v>
      </c>
      <c r="OGY1" s="216" t="s">
        <v>3633</v>
      </c>
      <c r="OGZ1" s="216" t="s">
        <v>3633</v>
      </c>
      <c r="OHA1" s="216" t="s">
        <v>3633</v>
      </c>
      <c r="OHB1" s="216" t="s">
        <v>3633</v>
      </c>
      <c r="OHC1" s="216" t="s">
        <v>3633</v>
      </c>
      <c r="OHD1" s="216" t="s">
        <v>3633</v>
      </c>
      <c r="OHE1" s="216" t="s">
        <v>3633</v>
      </c>
      <c r="OHF1" s="216" t="s">
        <v>3633</v>
      </c>
      <c r="OHG1" s="216" t="s">
        <v>3633</v>
      </c>
      <c r="OHH1" s="216" t="s">
        <v>3633</v>
      </c>
      <c r="OHI1" s="216" t="s">
        <v>3633</v>
      </c>
      <c r="OHJ1" s="216" t="s">
        <v>3633</v>
      </c>
      <c r="OHK1" s="216" t="s">
        <v>3633</v>
      </c>
      <c r="OHL1" s="216" t="s">
        <v>3633</v>
      </c>
      <c r="OHM1" s="216" t="s">
        <v>3633</v>
      </c>
      <c r="OHN1" s="216" t="s">
        <v>3633</v>
      </c>
      <c r="OHO1" s="216" t="s">
        <v>3633</v>
      </c>
      <c r="OHP1" s="216" t="s">
        <v>3633</v>
      </c>
      <c r="OHQ1" s="216" t="s">
        <v>3633</v>
      </c>
      <c r="OHR1" s="216" t="s">
        <v>3633</v>
      </c>
      <c r="OHS1" s="216" t="s">
        <v>3633</v>
      </c>
      <c r="OHT1" s="216" t="s">
        <v>3633</v>
      </c>
      <c r="OHU1" s="216" t="s">
        <v>3633</v>
      </c>
      <c r="OHV1" s="216" t="s">
        <v>3633</v>
      </c>
      <c r="OHW1" s="216" t="s">
        <v>3633</v>
      </c>
      <c r="OHX1" s="216" t="s">
        <v>3633</v>
      </c>
      <c r="OHY1" s="216" t="s">
        <v>3633</v>
      </c>
      <c r="OHZ1" s="216" t="s">
        <v>3633</v>
      </c>
      <c r="OIA1" s="216" t="s">
        <v>3633</v>
      </c>
      <c r="OIB1" s="216" t="s">
        <v>3633</v>
      </c>
      <c r="OIC1" s="216" t="s">
        <v>3633</v>
      </c>
      <c r="OID1" s="216" t="s">
        <v>3633</v>
      </c>
      <c r="OIE1" s="216" t="s">
        <v>3633</v>
      </c>
      <c r="OIF1" s="216" t="s">
        <v>3633</v>
      </c>
      <c r="OIG1" s="216" t="s">
        <v>3633</v>
      </c>
      <c r="OIH1" s="216" t="s">
        <v>3633</v>
      </c>
      <c r="OII1" s="216" t="s">
        <v>3633</v>
      </c>
      <c r="OIJ1" s="216" t="s">
        <v>3633</v>
      </c>
      <c r="OIK1" s="216" t="s">
        <v>3633</v>
      </c>
      <c r="OIL1" s="216" t="s">
        <v>3633</v>
      </c>
      <c r="OIM1" s="216" t="s">
        <v>3633</v>
      </c>
      <c r="OIN1" s="216" t="s">
        <v>3633</v>
      </c>
      <c r="OIO1" s="216" t="s">
        <v>3633</v>
      </c>
      <c r="OIP1" s="216" t="s">
        <v>3633</v>
      </c>
      <c r="OIQ1" s="216" t="s">
        <v>3633</v>
      </c>
      <c r="OIR1" s="216" t="s">
        <v>3633</v>
      </c>
      <c r="OIS1" s="216" t="s">
        <v>3633</v>
      </c>
      <c r="OIT1" s="216" t="s">
        <v>3633</v>
      </c>
      <c r="OIU1" s="216" t="s">
        <v>3633</v>
      </c>
      <c r="OIV1" s="216" t="s">
        <v>3633</v>
      </c>
      <c r="OIW1" s="216" t="s">
        <v>3633</v>
      </c>
      <c r="OIX1" s="216" t="s">
        <v>3633</v>
      </c>
      <c r="OIY1" s="216" t="s">
        <v>3633</v>
      </c>
      <c r="OIZ1" s="216" t="s">
        <v>3633</v>
      </c>
      <c r="OJA1" s="216" t="s">
        <v>3633</v>
      </c>
      <c r="OJB1" s="216" t="s">
        <v>3633</v>
      </c>
      <c r="OJC1" s="216" t="s">
        <v>3633</v>
      </c>
      <c r="OJD1" s="216" t="s">
        <v>3633</v>
      </c>
      <c r="OJE1" s="216" t="s">
        <v>3633</v>
      </c>
      <c r="OJF1" s="216" t="s">
        <v>3633</v>
      </c>
      <c r="OJG1" s="216" t="s">
        <v>3633</v>
      </c>
      <c r="OJH1" s="216" t="s">
        <v>3633</v>
      </c>
      <c r="OJI1" s="216" t="s">
        <v>3633</v>
      </c>
      <c r="OJJ1" s="216" t="s">
        <v>3633</v>
      </c>
      <c r="OJK1" s="216" t="s">
        <v>3633</v>
      </c>
      <c r="OJL1" s="216" t="s">
        <v>3633</v>
      </c>
      <c r="OJM1" s="216" t="s">
        <v>3633</v>
      </c>
      <c r="OJN1" s="216" t="s">
        <v>3633</v>
      </c>
      <c r="OJO1" s="216" t="s">
        <v>3633</v>
      </c>
      <c r="OJP1" s="216" t="s">
        <v>3633</v>
      </c>
      <c r="OJQ1" s="216" t="s">
        <v>3633</v>
      </c>
      <c r="OJR1" s="216" t="s">
        <v>3633</v>
      </c>
      <c r="OJS1" s="216" t="s">
        <v>3633</v>
      </c>
      <c r="OJT1" s="216" t="s">
        <v>3633</v>
      </c>
      <c r="OJU1" s="216" t="s">
        <v>3633</v>
      </c>
      <c r="OJV1" s="216" t="s">
        <v>3633</v>
      </c>
      <c r="OJW1" s="216" t="s">
        <v>3633</v>
      </c>
      <c r="OJX1" s="216" t="s">
        <v>3633</v>
      </c>
      <c r="OJY1" s="216" t="s">
        <v>3633</v>
      </c>
      <c r="OJZ1" s="216" t="s">
        <v>3633</v>
      </c>
      <c r="OKA1" s="216" t="s">
        <v>3633</v>
      </c>
      <c r="OKB1" s="216" t="s">
        <v>3633</v>
      </c>
      <c r="OKC1" s="216" t="s">
        <v>3633</v>
      </c>
      <c r="OKD1" s="216" t="s">
        <v>3633</v>
      </c>
      <c r="OKE1" s="216" t="s">
        <v>3633</v>
      </c>
      <c r="OKF1" s="216" t="s">
        <v>3633</v>
      </c>
      <c r="OKG1" s="216" t="s">
        <v>3633</v>
      </c>
      <c r="OKH1" s="216" t="s">
        <v>3633</v>
      </c>
      <c r="OKI1" s="216" t="s">
        <v>3633</v>
      </c>
      <c r="OKJ1" s="216" t="s">
        <v>3633</v>
      </c>
      <c r="OKK1" s="216" t="s">
        <v>3633</v>
      </c>
      <c r="OKL1" s="216" t="s">
        <v>3633</v>
      </c>
      <c r="OKM1" s="216" t="s">
        <v>3633</v>
      </c>
      <c r="OKN1" s="216" t="s">
        <v>3633</v>
      </c>
      <c r="OKO1" s="216" t="s">
        <v>3633</v>
      </c>
      <c r="OKP1" s="216" t="s">
        <v>3633</v>
      </c>
      <c r="OKQ1" s="216" t="s">
        <v>3633</v>
      </c>
      <c r="OKR1" s="216" t="s">
        <v>3633</v>
      </c>
      <c r="OKS1" s="216" t="s">
        <v>3633</v>
      </c>
      <c r="OKT1" s="216" t="s">
        <v>3633</v>
      </c>
      <c r="OKU1" s="216" t="s">
        <v>3633</v>
      </c>
      <c r="OKV1" s="216" t="s">
        <v>3633</v>
      </c>
      <c r="OKW1" s="216" t="s">
        <v>3633</v>
      </c>
      <c r="OKX1" s="216" t="s">
        <v>3633</v>
      </c>
      <c r="OKY1" s="216" t="s">
        <v>3633</v>
      </c>
      <c r="OKZ1" s="216" t="s">
        <v>3633</v>
      </c>
      <c r="OLA1" s="216" t="s">
        <v>3633</v>
      </c>
      <c r="OLB1" s="216" t="s">
        <v>3633</v>
      </c>
      <c r="OLC1" s="216" t="s">
        <v>3633</v>
      </c>
      <c r="OLD1" s="216" t="s">
        <v>3633</v>
      </c>
      <c r="OLE1" s="216" t="s">
        <v>3633</v>
      </c>
      <c r="OLF1" s="216" t="s">
        <v>3633</v>
      </c>
      <c r="OLG1" s="216" t="s">
        <v>3633</v>
      </c>
      <c r="OLH1" s="216" t="s">
        <v>3633</v>
      </c>
      <c r="OLI1" s="216" t="s">
        <v>3633</v>
      </c>
      <c r="OLJ1" s="216" t="s">
        <v>3633</v>
      </c>
      <c r="OLK1" s="216" t="s">
        <v>3633</v>
      </c>
      <c r="OLL1" s="216" t="s">
        <v>3633</v>
      </c>
      <c r="OLM1" s="216" t="s">
        <v>3633</v>
      </c>
      <c r="OLN1" s="216" t="s">
        <v>3633</v>
      </c>
      <c r="OLO1" s="216" t="s">
        <v>3633</v>
      </c>
      <c r="OLP1" s="216" t="s">
        <v>3633</v>
      </c>
      <c r="OLQ1" s="216" t="s">
        <v>3633</v>
      </c>
      <c r="OLR1" s="216" t="s">
        <v>3633</v>
      </c>
      <c r="OLS1" s="216" t="s">
        <v>3633</v>
      </c>
      <c r="OLT1" s="216" t="s">
        <v>3633</v>
      </c>
      <c r="OLU1" s="216" t="s">
        <v>3633</v>
      </c>
      <c r="OLV1" s="216" t="s">
        <v>3633</v>
      </c>
      <c r="OLW1" s="216" t="s">
        <v>3633</v>
      </c>
      <c r="OLX1" s="216" t="s">
        <v>3633</v>
      </c>
      <c r="OLY1" s="216" t="s">
        <v>3633</v>
      </c>
      <c r="OLZ1" s="216" t="s">
        <v>3633</v>
      </c>
      <c r="OMA1" s="216" t="s">
        <v>3633</v>
      </c>
      <c r="OMB1" s="216" t="s">
        <v>3633</v>
      </c>
      <c r="OMC1" s="216" t="s">
        <v>3633</v>
      </c>
      <c r="OMD1" s="216" t="s">
        <v>3633</v>
      </c>
      <c r="OME1" s="216" t="s">
        <v>3633</v>
      </c>
      <c r="OMF1" s="216" t="s">
        <v>3633</v>
      </c>
      <c r="OMG1" s="216" t="s">
        <v>3633</v>
      </c>
      <c r="OMH1" s="216" t="s">
        <v>3633</v>
      </c>
      <c r="OMI1" s="216" t="s">
        <v>3633</v>
      </c>
      <c r="OMJ1" s="216" t="s">
        <v>3633</v>
      </c>
      <c r="OMK1" s="216" t="s">
        <v>3633</v>
      </c>
      <c r="OML1" s="216" t="s">
        <v>3633</v>
      </c>
      <c r="OMM1" s="216" t="s">
        <v>3633</v>
      </c>
      <c r="OMN1" s="216" t="s">
        <v>3633</v>
      </c>
      <c r="OMO1" s="216" t="s">
        <v>3633</v>
      </c>
      <c r="OMP1" s="216" t="s">
        <v>3633</v>
      </c>
      <c r="OMQ1" s="216" t="s">
        <v>3633</v>
      </c>
      <c r="OMR1" s="216" t="s">
        <v>3633</v>
      </c>
      <c r="OMS1" s="216" t="s">
        <v>3633</v>
      </c>
      <c r="OMT1" s="216" t="s">
        <v>3633</v>
      </c>
      <c r="OMU1" s="216" t="s">
        <v>3633</v>
      </c>
      <c r="OMV1" s="216" t="s">
        <v>3633</v>
      </c>
      <c r="OMW1" s="216" t="s">
        <v>3633</v>
      </c>
      <c r="OMX1" s="216" t="s">
        <v>3633</v>
      </c>
      <c r="OMY1" s="216" t="s">
        <v>3633</v>
      </c>
      <c r="OMZ1" s="216" t="s">
        <v>3633</v>
      </c>
      <c r="ONA1" s="216" t="s">
        <v>3633</v>
      </c>
      <c r="ONB1" s="216" t="s">
        <v>3633</v>
      </c>
      <c r="ONC1" s="216" t="s">
        <v>3633</v>
      </c>
      <c r="OND1" s="216" t="s">
        <v>3633</v>
      </c>
      <c r="ONE1" s="216" t="s">
        <v>3633</v>
      </c>
      <c r="ONF1" s="216" t="s">
        <v>3633</v>
      </c>
      <c r="ONG1" s="216" t="s">
        <v>3633</v>
      </c>
      <c r="ONH1" s="216" t="s">
        <v>3633</v>
      </c>
      <c r="ONI1" s="216" t="s">
        <v>3633</v>
      </c>
      <c r="ONJ1" s="216" t="s">
        <v>3633</v>
      </c>
      <c r="ONK1" s="216" t="s">
        <v>3633</v>
      </c>
      <c r="ONL1" s="216" t="s">
        <v>3633</v>
      </c>
      <c r="ONM1" s="216" t="s">
        <v>3633</v>
      </c>
      <c r="ONN1" s="216" t="s">
        <v>3633</v>
      </c>
      <c r="ONO1" s="216" t="s">
        <v>3633</v>
      </c>
      <c r="ONP1" s="216" t="s">
        <v>3633</v>
      </c>
      <c r="ONQ1" s="216" t="s">
        <v>3633</v>
      </c>
      <c r="ONR1" s="216" t="s">
        <v>3633</v>
      </c>
      <c r="ONS1" s="216" t="s">
        <v>3633</v>
      </c>
      <c r="ONT1" s="216" t="s">
        <v>3633</v>
      </c>
      <c r="ONU1" s="216" t="s">
        <v>3633</v>
      </c>
      <c r="ONV1" s="216" t="s">
        <v>3633</v>
      </c>
      <c r="ONW1" s="216" t="s">
        <v>3633</v>
      </c>
      <c r="ONX1" s="216" t="s">
        <v>3633</v>
      </c>
      <c r="ONY1" s="216" t="s">
        <v>3633</v>
      </c>
      <c r="ONZ1" s="216" t="s">
        <v>3633</v>
      </c>
      <c r="OOA1" s="216" t="s">
        <v>3633</v>
      </c>
      <c r="OOB1" s="216" t="s">
        <v>3633</v>
      </c>
      <c r="OOC1" s="216" t="s">
        <v>3633</v>
      </c>
      <c r="OOD1" s="216" t="s">
        <v>3633</v>
      </c>
      <c r="OOE1" s="216" t="s">
        <v>3633</v>
      </c>
      <c r="OOF1" s="216" t="s">
        <v>3633</v>
      </c>
      <c r="OOG1" s="216" t="s">
        <v>3633</v>
      </c>
      <c r="OOH1" s="216" t="s">
        <v>3633</v>
      </c>
      <c r="OOI1" s="216" t="s">
        <v>3633</v>
      </c>
      <c r="OOJ1" s="216" t="s">
        <v>3633</v>
      </c>
      <c r="OOK1" s="216" t="s">
        <v>3633</v>
      </c>
      <c r="OOL1" s="216" t="s">
        <v>3633</v>
      </c>
      <c r="OOM1" s="216" t="s">
        <v>3633</v>
      </c>
      <c r="OON1" s="216" t="s">
        <v>3633</v>
      </c>
      <c r="OOO1" s="216" t="s">
        <v>3633</v>
      </c>
      <c r="OOP1" s="216" t="s">
        <v>3633</v>
      </c>
      <c r="OOQ1" s="216" t="s">
        <v>3633</v>
      </c>
      <c r="OOR1" s="216" t="s">
        <v>3633</v>
      </c>
      <c r="OOS1" s="216" t="s">
        <v>3633</v>
      </c>
      <c r="OOT1" s="216" t="s">
        <v>3633</v>
      </c>
      <c r="OOU1" s="216" t="s">
        <v>3633</v>
      </c>
      <c r="OOV1" s="216" t="s">
        <v>3633</v>
      </c>
      <c r="OOW1" s="216" t="s">
        <v>3633</v>
      </c>
      <c r="OOX1" s="216" t="s">
        <v>3633</v>
      </c>
      <c r="OOY1" s="216" t="s">
        <v>3633</v>
      </c>
      <c r="OOZ1" s="216" t="s">
        <v>3633</v>
      </c>
      <c r="OPA1" s="216" t="s">
        <v>3633</v>
      </c>
      <c r="OPB1" s="216" t="s">
        <v>3633</v>
      </c>
      <c r="OPC1" s="216" t="s">
        <v>3633</v>
      </c>
      <c r="OPD1" s="216" t="s">
        <v>3633</v>
      </c>
      <c r="OPE1" s="216" t="s">
        <v>3633</v>
      </c>
      <c r="OPF1" s="216" t="s">
        <v>3633</v>
      </c>
      <c r="OPG1" s="216" t="s">
        <v>3633</v>
      </c>
      <c r="OPH1" s="216" t="s">
        <v>3633</v>
      </c>
      <c r="OPI1" s="216" t="s">
        <v>3633</v>
      </c>
      <c r="OPJ1" s="216" t="s">
        <v>3633</v>
      </c>
      <c r="OPK1" s="216" t="s">
        <v>3633</v>
      </c>
      <c r="OPL1" s="216" t="s">
        <v>3633</v>
      </c>
      <c r="OPM1" s="216" t="s">
        <v>3633</v>
      </c>
      <c r="OPN1" s="216" t="s">
        <v>3633</v>
      </c>
      <c r="OPO1" s="216" t="s">
        <v>3633</v>
      </c>
      <c r="OPP1" s="216" t="s">
        <v>3633</v>
      </c>
      <c r="OPQ1" s="216" t="s">
        <v>3633</v>
      </c>
      <c r="OPR1" s="216" t="s">
        <v>3633</v>
      </c>
      <c r="OPS1" s="216" t="s">
        <v>3633</v>
      </c>
      <c r="OPT1" s="216" t="s">
        <v>3633</v>
      </c>
      <c r="OPU1" s="216" t="s">
        <v>3633</v>
      </c>
      <c r="OPV1" s="216" t="s">
        <v>3633</v>
      </c>
      <c r="OPW1" s="216" t="s">
        <v>3633</v>
      </c>
      <c r="OPX1" s="216" t="s">
        <v>3633</v>
      </c>
      <c r="OPY1" s="216" t="s">
        <v>3633</v>
      </c>
      <c r="OPZ1" s="216" t="s">
        <v>3633</v>
      </c>
      <c r="OQA1" s="216" t="s">
        <v>3633</v>
      </c>
      <c r="OQB1" s="216" t="s">
        <v>3633</v>
      </c>
      <c r="OQC1" s="216" t="s">
        <v>3633</v>
      </c>
      <c r="OQD1" s="216" t="s">
        <v>3633</v>
      </c>
      <c r="OQE1" s="216" t="s">
        <v>3633</v>
      </c>
      <c r="OQF1" s="216" t="s">
        <v>3633</v>
      </c>
      <c r="OQG1" s="216" t="s">
        <v>3633</v>
      </c>
      <c r="OQH1" s="216" t="s">
        <v>3633</v>
      </c>
      <c r="OQI1" s="216" t="s">
        <v>3633</v>
      </c>
      <c r="OQJ1" s="216" t="s">
        <v>3633</v>
      </c>
      <c r="OQK1" s="216" t="s">
        <v>3633</v>
      </c>
      <c r="OQL1" s="216" t="s">
        <v>3633</v>
      </c>
      <c r="OQM1" s="216" t="s">
        <v>3633</v>
      </c>
      <c r="OQN1" s="216" t="s">
        <v>3633</v>
      </c>
      <c r="OQO1" s="216" t="s">
        <v>3633</v>
      </c>
      <c r="OQP1" s="216" t="s">
        <v>3633</v>
      </c>
      <c r="OQQ1" s="216" t="s">
        <v>3633</v>
      </c>
      <c r="OQR1" s="216" t="s">
        <v>3633</v>
      </c>
      <c r="OQS1" s="216" t="s">
        <v>3633</v>
      </c>
      <c r="OQT1" s="216" t="s">
        <v>3633</v>
      </c>
      <c r="OQU1" s="216" t="s">
        <v>3633</v>
      </c>
      <c r="OQV1" s="216" t="s">
        <v>3633</v>
      </c>
      <c r="OQW1" s="216" t="s">
        <v>3633</v>
      </c>
      <c r="OQX1" s="216" t="s">
        <v>3633</v>
      </c>
      <c r="OQY1" s="216" t="s">
        <v>3633</v>
      </c>
      <c r="OQZ1" s="216" t="s">
        <v>3633</v>
      </c>
      <c r="ORA1" s="216" t="s">
        <v>3633</v>
      </c>
      <c r="ORB1" s="216" t="s">
        <v>3633</v>
      </c>
      <c r="ORC1" s="216" t="s">
        <v>3633</v>
      </c>
      <c r="ORD1" s="216" t="s">
        <v>3633</v>
      </c>
      <c r="ORE1" s="216" t="s">
        <v>3633</v>
      </c>
      <c r="ORF1" s="216" t="s">
        <v>3633</v>
      </c>
      <c r="ORG1" s="216" t="s">
        <v>3633</v>
      </c>
      <c r="ORH1" s="216" t="s">
        <v>3633</v>
      </c>
      <c r="ORI1" s="216" t="s">
        <v>3633</v>
      </c>
      <c r="ORJ1" s="216" t="s">
        <v>3633</v>
      </c>
      <c r="ORK1" s="216" t="s">
        <v>3633</v>
      </c>
      <c r="ORL1" s="216" t="s">
        <v>3633</v>
      </c>
      <c r="ORM1" s="216" t="s">
        <v>3633</v>
      </c>
      <c r="ORN1" s="216" t="s">
        <v>3633</v>
      </c>
      <c r="ORO1" s="216" t="s">
        <v>3633</v>
      </c>
      <c r="ORP1" s="216" t="s">
        <v>3633</v>
      </c>
      <c r="ORQ1" s="216" t="s">
        <v>3633</v>
      </c>
      <c r="ORR1" s="216" t="s">
        <v>3633</v>
      </c>
      <c r="ORS1" s="216" t="s">
        <v>3633</v>
      </c>
      <c r="ORT1" s="216" t="s">
        <v>3633</v>
      </c>
      <c r="ORU1" s="216" t="s">
        <v>3633</v>
      </c>
      <c r="ORV1" s="216" t="s">
        <v>3633</v>
      </c>
      <c r="ORW1" s="216" t="s">
        <v>3633</v>
      </c>
      <c r="ORX1" s="216" t="s">
        <v>3633</v>
      </c>
      <c r="ORY1" s="216" t="s">
        <v>3633</v>
      </c>
      <c r="ORZ1" s="216" t="s">
        <v>3633</v>
      </c>
      <c r="OSA1" s="216" t="s">
        <v>3633</v>
      </c>
      <c r="OSB1" s="216" t="s">
        <v>3633</v>
      </c>
      <c r="OSC1" s="216" t="s">
        <v>3633</v>
      </c>
      <c r="OSD1" s="216" t="s">
        <v>3633</v>
      </c>
      <c r="OSE1" s="216" t="s">
        <v>3633</v>
      </c>
      <c r="OSF1" s="216" t="s">
        <v>3633</v>
      </c>
      <c r="OSG1" s="216" t="s">
        <v>3633</v>
      </c>
      <c r="OSH1" s="216" t="s">
        <v>3633</v>
      </c>
      <c r="OSI1" s="216" t="s">
        <v>3633</v>
      </c>
      <c r="OSJ1" s="216" t="s">
        <v>3633</v>
      </c>
      <c r="OSK1" s="216" t="s">
        <v>3633</v>
      </c>
      <c r="OSL1" s="216" t="s">
        <v>3633</v>
      </c>
      <c r="OSM1" s="216" t="s">
        <v>3633</v>
      </c>
      <c r="OSN1" s="216" t="s">
        <v>3633</v>
      </c>
      <c r="OSO1" s="216" t="s">
        <v>3633</v>
      </c>
      <c r="OSP1" s="216" t="s">
        <v>3633</v>
      </c>
      <c r="OSQ1" s="216" t="s">
        <v>3633</v>
      </c>
      <c r="OSR1" s="216" t="s">
        <v>3633</v>
      </c>
      <c r="OSS1" s="216" t="s">
        <v>3633</v>
      </c>
      <c r="OST1" s="216" t="s">
        <v>3633</v>
      </c>
      <c r="OSU1" s="216" t="s">
        <v>3633</v>
      </c>
      <c r="OSV1" s="216" t="s">
        <v>3633</v>
      </c>
      <c r="OSW1" s="216" t="s">
        <v>3633</v>
      </c>
      <c r="OSX1" s="216" t="s">
        <v>3633</v>
      </c>
      <c r="OSY1" s="216" t="s">
        <v>3633</v>
      </c>
      <c r="OSZ1" s="216" t="s">
        <v>3633</v>
      </c>
      <c r="OTA1" s="216" t="s">
        <v>3633</v>
      </c>
      <c r="OTB1" s="216" t="s">
        <v>3633</v>
      </c>
      <c r="OTC1" s="216" t="s">
        <v>3633</v>
      </c>
      <c r="OTD1" s="216" t="s">
        <v>3633</v>
      </c>
      <c r="OTE1" s="216" t="s">
        <v>3633</v>
      </c>
      <c r="OTF1" s="216" t="s">
        <v>3633</v>
      </c>
      <c r="OTG1" s="216" t="s">
        <v>3633</v>
      </c>
      <c r="OTH1" s="216" t="s">
        <v>3633</v>
      </c>
      <c r="OTI1" s="216" t="s">
        <v>3633</v>
      </c>
      <c r="OTJ1" s="216" t="s">
        <v>3633</v>
      </c>
      <c r="OTK1" s="216" t="s">
        <v>3633</v>
      </c>
      <c r="OTL1" s="216" t="s">
        <v>3633</v>
      </c>
      <c r="OTM1" s="216" t="s">
        <v>3633</v>
      </c>
      <c r="OTN1" s="216" t="s">
        <v>3633</v>
      </c>
      <c r="OTO1" s="216" t="s">
        <v>3633</v>
      </c>
      <c r="OTP1" s="216" t="s">
        <v>3633</v>
      </c>
      <c r="OTQ1" s="216" t="s">
        <v>3633</v>
      </c>
      <c r="OTR1" s="216" t="s">
        <v>3633</v>
      </c>
      <c r="OTS1" s="216" t="s">
        <v>3633</v>
      </c>
      <c r="OTT1" s="216" t="s">
        <v>3633</v>
      </c>
      <c r="OTU1" s="216" t="s">
        <v>3633</v>
      </c>
      <c r="OTV1" s="216" t="s">
        <v>3633</v>
      </c>
      <c r="OTW1" s="216" t="s">
        <v>3633</v>
      </c>
      <c r="OTX1" s="216" t="s">
        <v>3633</v>
      </c>
      <c r="OTY1" s="216" t="s">
        <v>3633</v>
      </c>
      <c r="OTZ1" s="216" t="s">
        <v>3633</v>
      </c>
      <c r="OUA1" s="216" t="s">
        <v>3633</v>
      </c>
      <c r="OUB1" s="216" t="s">
        <v>3633</v>
      </c>
      <c r="OUC1" s="216" t="s">
        <v>3633</v>
      </c>
      <c r="OUD1" s="216" t="s">
        <v>3633</v>
      </c>
      <c r="OUE1" s="216" t="s">
        <v>3633</v>
      </c>
      <c r="OUF1" s="216" t="s">
        <v>3633</v>
      </c>
      <c r="OUG1" s="216" t="s">
        <v>3633</v>
      </c>
      <c r="OUH1" s="216" t="s">
        <v>3633</v>
      </c>
      <c r="OUI1" s="216" t="s">
        <v>3633</v>
      </c>
      <c r="OUJ1" s="216" t="s">
        <v>3633</v>
      </c>
      <c r="OUK1" s="216" t="s">
        <v>3633</v>
      </c>
      <c r="OUL1" s="216" t="s">
        <v>3633</v>
      </c>
      <c r="OUM1" s="216" t="s">
        <v>3633</v>
      </c>
      <c r="OUN1" s="216" t="s">
        <v>3633</v>
      </c>
      <c r="OUO1" s="216" t="s">
        <v>3633</v>
      </c>
      <c r="OUP1" s="216" t="s">
        <v>3633</v>
      </c>
      <c r="OUQ1" s="216" t="s">
        <v>3633</v>
      </c>
      <c r="OUR1" s="216" t="s">
        <v>3633</v>
      </c>
      <c r="OUS1" s="216" t="s">
        <v>3633</v>
      </c>
      <c r="OUT1" s="216" t="s">
        <v>3633</v>
      </c>
      <c r="OUU1" s="216" t="s">
        <v>3633</v>
      </c>
      <c r="OUV1" s="216" t="s">
        <v>3633</v>
      </c>
      <c r="OUW1" s="216" t="s">
        <v>3633</v>
      </c>
      <c r="OUX1" s="216" t="s">
        <v>3633</v>
      </c>
      <c r="OUY1" s="216" t="s">
        <v>3633</v>
      </c>
      <c r="OUZ1" s="216" t="s">
        <v>3633</v>
      </c>
      <c r="OVA1" s="216" t="s">
        <v>3633</v>
      </c>
      <c r="OVB1" s="216" t="s">
        <v>3633</v>
      </c>
      <c r="OVC1" s="216" t="s">
        <v>3633</v>
      </c>
      <c r="OVD1" s="216" t="s">
        <v>3633</v>
      </c>
      <c r="OVE1" s="216" t="s">
        <v>3633</v>
      </c>
      <c r="OVF1" s="216" t="s">
        <v>3633</v>
      </c>
      <c r="OVG1" s="216" t="s">
        <v>3633</v>
      </c>
      <c r="OVH1" s="216" t="s">
        <v>3633</v>
      </c>
      <c r="OVI1" s="216" t="s">
        <v>3633</v>
      </c>
      <c r="OVJ1" s="216" t="s">
        <v>3633</v>
      </c>
      <c r="OVK1" s="216" t="s">
        <v>3633</v>
      </c>
      <c r="OVL1" s="216" t="s">
        <v>3633</v>
      </c>
      <c r="OVM1" s="216" t="s">
        <v>3633</v>
      </c>
      <c r="OVN1" s="216" t="s">
        <v>3633</v>
      </c>
      <c r="OVO1" s="216" t="s">
        <v>3633</v>
      </c>
      <c r="OVP1" s="216" t="s">
        <v>3633</v>
      </c>
      <c r="OVQ1" s="216" t="s">
        <v>3633</v>
      </c>
      <c r="OVR1" s="216" t="s">
        <v>3633</v>
      </c>
      <c r="OVS1" s="216" t="s">
        <v>3633</v>
      </c>
      <c r="OVT1" s="216" t="s">
        <v>3633</v>
      </c>
      <c r="OVU1" s="216" t="s">
        <v>3633</v>
      </c>
      <c r="OVV1" s="216" t="s">
        <v>3633</v>
      </c>
      <c r="OVW1" s="216" t="s">
        <v>3633</v>
      </c>
      <c r="OVX1" s="216" t="s">
        <v>3633</v>
      </c>
      <c r="OVY1" s="216" t="s">
        <v>3633</v>
      </c>
      <c r="OVZ1" s="216" t="s">
        <v>3633</v>
      </c>
      <c r="OWA1" s="216" t="s">
        <v>3633</v>
      </c>
      <c r="OWB1" s="216" t="s">
        <v>3633</v>
      </c>
      <c r="OWC1" s="216" t="s">
        <v>3633</v>
      </c>
      <c r="OWD1" s="216" t="s">
        <v>3633</v>
      </c>
      <c r="OWE1" s="216" t="s">
        <v>3633</v>
      </c>
      <c r="OWF1" s="216" t="s">
        <v>3633</v>
      </c>
      <c r="OWG1" s="216" t="s">
        <v>3633</v>
      </c>
      <c r="OWH1" s="216" t="s">
        <v>3633</v>
      </c>
      <c r="OWI1" s="216" t="s">
        <v>3633</v>
      </c>
      <c r="OWJ1" s="216" t="s">
        <v>3633</v>
      </c>
      <c r="OWK1" s="216" t="s">
        <v>3633</v>
      </c>
      <c r="OWL1" s="216" t="s">
        <v>3633</v>
      </c>
      <c r="OWM1" s="216" t="s">
        <v>3633</v>
      </c>
      <c r="OWN1" s="216" t="s">
        <v>3633</v>
      </c>
      <c r="OWO1" s="216" t="s">
        <v>3633</v>
      </c>
      <c r="OWP1" s="216" t="s">
        <v>3633</v>
      </c>
      <c r="OWQ1" s="216" t="s">
        <v>3633</v>
      </c>
      <c r="OWR1" s="216" t="s">
        <v>3633</v>
      </c>
      <c r="OWS1" s="216" t="s">
        <v>3633</v>
      </c>
      <c r="OWT1" s="216" t="s">
        <v>3633</v>
      </c>
      <c r="OWU1" s="216" t="s">
        <v>3633</v>
      </c>
      <c r="OWV1" s="216" t="s">
        <v>3633</v>
      </c>
      <c r="OWW1" s="216" t="s">
        <v>3633</v>
      </c>
      <c r="OWX1" s="216" t="s">
        <v>3633</v>
      </c>
      <c r="OWY1" s="216" t="s">
        <v>3633</v>
      </c>
      <c r="OWZ1" s="216" t="s">
        <v>3633</v>
      </c>
      <c r="OXA1" s="216" t="s">
        <v>3633</v>
      </c>
      <c r="OXB1" s="216" t="s">
        <v>3633</v>
      </c>
      <c r="OXC1" s="216" t="s">
        <v>3633</v>
      </c>
      <c r="OXD1" s="216" t="s">
        <v>3633</v>
      </c>
      <c r="OXE1" s="216" t="s">
        <v>3633</v>
      </c>
      <c r="OXF1" s="216" t="s">
        <v>3633</v>
      </c>
      <c r="OXG1" s="216" t="s">
        <v>3633</v>
      </c>
      <c r="OXH1" s="216" t="s">
        <v>3633</v>
      </c>
      <c r="OXI1" s="216" t="s">
        <v>3633</v>
      </c>
      <c r="OXJ1" s="216" t="s">
        <v>3633</v>
      </c>
      <c r="OXK1" s="216" t="s">
        <v>3633</v>
      </c>
      <c r="OXL1" s="216" t="s">
        <v>3633</v>
      </c>
      <c r="OXM1" s="216" t="s">
        <v>3633</v>
      </c>
      <c r="OXN1" s="216" t="s">
        <v>3633</v>
      </c>
      <c r="OXO1" s="216" t="s">
        <v>3633</v>
      </c>
      <c r="OXP1" s="216" t="s">
        <v>3633</v>
      </c>
      <c r="OXQ1" s="216" t="s">
        <v>3633</v>
      </c>
      <c r="OXR1" s="216" t="s">
        <v>3633</v>
      </c>
      <c r="OXS1" s="216" t="s">
        <v>3633</v>
      </c>
      <c r="OXT1" s="216" t="s">
        <v>3633</v>
      </c>
      <c r="OXU1" s="216" t="s">
        <v>3633</v>
      </c>
      <c r="OXV1" s="216" t="s">
        <v>3633</v>
      </c>
      <c r="OXW1" s="216" t="s">
        <v>3633</v>
      </c>
      <c r="OXX1" s="216" t="s">
        <v>3633</v>
      </c>
      <c r="OXY1" s="216" t="s">
        <v>3633</v>
      </c>
      <c r="OXZ1" s="216" t="s">
        <v>3633</v>
      </c>
      <c r="OYA1" s="216" t="s">
        <v>3633</v>
      </c>
      <c r="OYB1" s="216" t="s">
        <v>3633</v>
      </c>
      <c r="OYC1" s="216" t="s">
        <v>3633</v>
      </c>
      <c r="OYD1" s="216" t="s">
        <v>3633</v>
      </c>
      <c r="OYE1" s="216" t="s">
        <v>3633</v>
      </c>
      <c r="OYF1" s="216" t="s">
        <v>3633</v>
      </c>
      <c r="OYG1" s="216" t="s">
        <v>3633</v>
      </c>
      <c r="OYH1" s="216" t="s">
        <v>3633</v>
      </c>
      <c r="OYI1" s="216" t="s">
        <v>3633</v>
      </c>
      <c r="OYJ1" s="216" t="s">
        <v>3633</v>
      </c>
      <c r="OYK1" s="216" t="s">
        <v>3633</v>
      </c>
      <c r="OYL1" s="216" t="s">
        <v>3633</v>
      </c>
      <c r="OYM1" s="216" t="s">
        <v>3633</v>
      </c>
      <c r="OYN1" s="216" t="s">
        <v>3633</v>
      </c>
      <c r="OYO1" s="216" t="s">
        <v>3633</v>
      </c>
      <c r="OYP1" s="216" t="s">
        <v>3633</v>
      </c>
      <c r="OYQ1" s="216" t="s">
        <v>3633</v>
      </c>
      <c r="OYR1" s="216" t="s">
        <v>3633</v>
      </c>
      <c r="OYS1" s="216" t="s">
        <v>3633</v>
      </c>
      <c r="OYT1" s="216" t="s">
        <v>3633</v>
      </c>
      <c r="OYU1" s="216" t="s">
        <v>3633</v>
      </c>
      <c r="OYV1" s="216" t="s">
        <v>3633</v>
      </c>
      <c r="OYW1" s="216" t="s">
        <v>3633</v>
      </c>
      <c r="OYX1" s="216" t="s">
        <v>3633</v>
      </c>
      <c r="OYY1" s="216" t="s">
        <v>3633</v>
      </c>
      <c r="OYZ1" s="216" t="s">
        <v>3633</v>
      </c>
      <c r="OZA1" s="216" t="s">
        <v>3633</v>
      </c>
      <c r="OZB1" s="216" t="s">
        <v>3633</v>
      </c>
      <c r="OZC1" s="216" t="s">
        <v>3633</v>
      </c>
      <c r="OZD1" s="216" t="s">
        <v>3633</v>
      </c>
      <c r="OZE1" s="216" t="s">
        <v>3633</v>
      </c>
      <c r="OZF1" s="216" t="s">
        <v>3633</v>
      </c>
      <c r="OZG1" s="216" t="s">
        <v>3633</v>
      </c>
      <c r="OZH1" s="216" t="s">
        <v>3633</v>
      </c>
      <c r="OZI1" s="216" t="s">
        <v>3633</v>
      </c>
      <c r="OZJ1" s="216" t="s">
        <v>3633</v>
      </c>
      <c r="OZK1" s="216" t="s">
        <v>3633</v>
      </c>
      <c r="OZL1" s="216" t="s">
        <v>3633</v>
      </c>
      <c r="OZM1" s="216" t="s">
        <v>3633</v>
      </c>
      <c r="OZN1" s="216" t="s">
        <v>3633</v>
      </c>
      <c r="OZO1" s="216" t="s">
        <v>3633</v>
      </c>
      <c r="OZP1" s="216" t="s">
        <v>3633</v>
      </c>
      <c r="OZQ1" s="216" t="s">
        <v>3633</v>
      </c>
      <c r="OZR1" s="216" t="s">
        <v>3633</v>
      </c>
      <c r="OZS1" s="216" t="s">
        <v>3633</v>
      </c>
      <c r="OZT1" s="216" t="s">
        <v>3633</v>
      </c>
      <c r="OZU1" s="216" t="s">
        <v>3633</v>
      </c>
      <c r="OZV1" s="216" t="s">
        <v>3633</v>
      </c>
      <c r="OZW1" s="216" t="s">
        <v>3633</v>
      </c>
      <c r="OZX1" s="216" t="s">
        <v>3633</v>
      </c>
      <c r="OZY1" s="216" t="s">
        <v>3633</v>
      </c>
      <c r="OZZ1" s="216" t="s">
        <v>3633</v>
      </c>
      <c r="PAA1" s="216" t="s">
        <v>3633</v>
      </c>
      <c r="PAB1" s="216" t="s">
        <v>3633</v>
      </c>
      <c r="PAC1" s="216" t="s">
        <v>3633</v>
      </c>
      <c r="PAD1" s="216" t="s">
        <v>3633</v>
      </c>
      <c r="PAE1" s="216" t="s">
        <v>3633</v>
      </c>
      <c r="PAF1" s="216" t="s">
        <v>3633</v>
      </c>
      <c r="PAG1" s="216" t="s">
        <v>3633</v>
      </c>
      <c r="PAH1" s="216" t="s">
        <v>3633</v>
      </c>
      <c r="PAI1" s="216" t="s">
        <v>3633</v>
      </c>
      <c r="PAJ1" s="216" t="s">
        <v>3633</v>
      </c>
      <c r="PAK1" s="216" t="s">
        <v>3633</v>
      </c>
      <c r="PAL1" s="216" t="s">
        <v>3633</v>
      </c>
      <c r="PAM1" s="216" t="s">
        <v>3633</v>
      </c>
      <c r="PAN1" s="216" t="s">
        <v>3633</v>
      </c>
      <c r="PAO1" s="216" t="s">
        <v>3633</v>
      </c>
      <c r="PAP1" s="216" t="s">
        <v>3633</v>
      </c>
      <c r="PAQ1" s="216" t="s">
        <v>3633</v>
      </c>
      <c r="PAR1" s="216" t="s">
        <v>3633</v>
      </c>
      <c r="PAS1" s="216" t="s">
        <v>3633</v>
      </c>
      <c r="PAT1" s="216" t="s">
        <v>3633</v>
      </c>
      <c r="PAU1" s="216" t="s">
        <v>3633</v>
      </c>
      <c r="PAV1" s="216" t="s">
        <v>3633</v>
      </c>
      <c r="PAW1" s="216" t="s">
        <v>3633</v>
      </c>
      <c r="PAX1" s="216" t="s">
        <v>3633</v>
      </c>
      <c r="PAY1" s="216" t="s">
        <v>3633</v>
      </c>
      <c r="PAZ1" s="216" t="s">
        <v>3633</v>
      </c>
      <c r="PBA1" s="216" t="s">
        <v>3633</v>
      </c>
      <c r="PBB1" s="216" t="s">
        <v>3633</v>
      </c>
      <c r="PBC1" s="216" t="s">
        <v>3633</v>
      </c>
      <c r="PBD1" s="216" t="s">
        <v>3633</v>
      </c>
      <c r="PBE1" s="216" t="s">
        <v>3633</v>
      </c>
      <c r="PBF1" s="216" t="s">
        <v>3633</v>
      </c>
      <c r="PBG1" s="216" t="s">
        <v>3633</v>
      </c>
      <c r="PBH1" s="216" t="s">
        <v>3633</v>
      </c>
      <c r="PBI1" s="216" t="s">
        <v>3633</v>
      </c>
      <c r="PBJ1" s="216" t="s">
        <v>3633</v>
      </c>
      <c r="PBK1" s="216" t="s">
        <v>3633</v>
      </c>
      <c r="PBL1" s="216" t="s">
        <v>3633</v>
      </c>
      <c r="PBM1" s="216" t="s">
        <v>3633</v>
      </c>
      <c r="PBN1" s="216" t="s">
        <v>3633</v>
      </c>
      <c r="PBO1" s="216" t="s">
        <v>3633</v>
      </c>
      <c r="PBP1" s="216" t="s">
        <v>3633</v>
      </c>
      <c r="PBQ1" s="216" t="s">
        <v>3633</v>
      </c>
      <c r="PBR1" s="216" t="s">
        <v>3633</v>
      </c>
      <c r="PBS1" s="216" t="s">
        <v>3633</v>
      </c>
      <c r="PBT1" s="216" t="s">
        <v>3633</v>
      </c>
      <c r="PBU1" s="216" t="s">
        <v>3633</v>
      </c>
      <c r="PBV1" s="216" t="s">
        <v>3633</v>
      </c>
      <c r="PBW1" s="216" t="s">
        <v>3633</v>
      </c>
      <c r="PBX1" s="216" t="s">
        <v>3633</v>
      </c>
      <c r="PBY1" s="216" t="s">
        <v>3633</v>
      </c>
      <c r="PBZ1" s="216" t="s">
        <v>3633</v>
      </c>
      <c r="PCA1" s="216" t="s">
        <v>3633</v>
      </c>
      <c r="PCB1" s="216" t="s">
        <v>3633</v>
      </c>
      <c r="PCC1" s="216" t="s">
        <v>3633</v>
      </c>
      <c r="PCD1" s="216" t="s">
        <v>3633</v>
      </c>
      <c r="PCE1" s="216" t="s">
        <v>3633</v>
      </c>
      <c r="PCF1" s="216" t="s">
        <v>3633</v>
      </c>
      <c r="PCG1" s="216" t="s">
        <v>3633</v>
      </c>
      <c r="PCH1" s="216" t="s">
        <v>3633</v>
      </c>
      <c r="PCI1" s="216" t="s">
        <v>3633</v>
      </c>
      <c r="PCJ1" s="216" t="s">
        <v>3633</v>
      </c>
      <c r="PCK1" s="216" t="s">
        <v>3633</v>
      </c>
      <c r="PCL1" s="216" t="s">
        <v>3633</v>
      </c>
      <c r="PCM1" s="216" t="s">
        <v>3633</v>
      </c>
      <c r="PCN1" s="216" t="s">
        <v>3633</v>
      </c>
      <c r="PCO1" s="216" t="s">
        <v>3633</v>
      </c>
      <c r="PCP1" s="216" t="s">
        <v>3633</v>
      </c>
      <c r="PCQ1" s="216" t="s">
        <v>3633</v>
      </c>
      <c r="PCR1" s="216" t="s">
        <v>3633</v>
      </c>
      <c r="PCS1" s="216" t="s">
        <v>3633</v>
      </c>
      <c r="PCT1" s="216" t="s">
        <v>3633</v>
      </c>
      <c r="PCU1" s="216" t="s">
        <v>3633</v>
      </c>
      <c r="PCV1" s="216" t="s">
        <v>3633</v>
      </c>
      <c r="PCW1" s="216" t="s">
        <v>3633</v>
      </c>
      <c r="PCX1" s="216" t="s">
        <v>3633</v>
      </c>
      <c r="PCY1" s="216" t="s">
        <v>3633</v>
      </c>
      <c r="PCZ1" s="216" t="s">
        <v>3633</v>
      </c>
      <c r="PDA1" s="216" t="s">
        <v>3633</v>
      </c>
      <c r="PDB1" s="216" t="s">
        <v>3633</v>
      </c>
      <c r="PDC1" s="216" t="s">
        <v>3633</v>
      </c>
      <c r="PDD1" s="216" t="s">
        <v>3633</v>
      </c>
      <c r="PDE1" s="216" t="s">
        <v>3633</v>
      </c>
      <c r="PDF1" s="216" t="s">
        <v>3633</v>
      </c>
      <c r="PDG1" s="216" t="s">
        <v>3633</v>
      </c>
      <c r="PDH1" s="216" t="s">
        <v>3633</v>
      </c>
      <c r="PDI1" s="216" t="s">
        <v>3633</v>
      </c>
      <c r="PDJ1" s="216" t="s">
        <v>3633</v>
      </c>
      <c r="PDK1" s="216" t="s">
        <v>3633</v>
      </c>
      <c r="PDL1" s="216" t="s">
        <v>3633</v>
      </c>
      <c r="PDM1" s="216" t="s">
        <v>3633</v>
      </c>
      <c r="PDN1" s="216" t="s">
        <v>3633</v>
      </c>
      <c r="PDO1" s="216" t="s">
        <v>3633</v>
      </c>
      <c r="PDP1" s="216" t="s">
        <v>3633</v>
      </c>
      <c r="PDQ1" s="216" t="s">
        <v>3633</v>
      </c>
      <c r="PDR1" s="216" t="s">
        <v>3633</v>
      </c>
      <c r="PDS1" s="216" t="s">
        <v>3633</v>
      </c>
      <c r="PDT1" s="216" t="s">
        <v>3633</v>
      </c>
      <c r="PDU1" s="216" t="s">
        <v>3633</v>
      </c>
      <c r="PDV1" s="216" t="s">
        <v>3633</v>
      </c>
      <c r="PDW1" s="216" t="s">
        <v>3633</v>
      </c>
      <c r="PDX1" s="216" t="s">
        <v>3633</v>
      </c>
      <c r="PDY1" s="216" t="s">
        <v>3633</v>
      </c>
      <c r="PDZ1" s="216" t="s">
        <v>3633</v>
      </c>
      <c r="PEA1" s="216" t="s">
        <v>3633</v>
      </c>
      <c r="PEB1" s="216" t="s">
        <v>3633</v>
      </c>
      <c r="PEC1" s="216" t="s">
        <v>3633</v>
      </c>
      <c r="PED1" s="216" t="s">
        <v>3633</v>
      </c>
      <c r="PEE1" s="216" t="s">
        <v>3633</v>
      </c>
      <c r="PEF1" s="216" t="s">
        <v>3633</v>
      </c>
      <c r="PEG1" s="216" t="s">
        <v>3633</v>
      </c>
      <c r="PEH1" s="216" t="s">
        <v>3633</v>
      </c>
      <c r="PEI1" s="216" t="s">
        <v>3633</v>
      </c>
      <c r="PEJ1" s="216" t="s">
        <v>3633</v>
      </c>
      <c r="PEK1" s="216" t="s">
        <v>3633</v>
      </c>
      <c r="PEL1" s="216" t="s">
        <v>3633</v>
      </c>
      <c r="PEM1" s="216" t="s">
        <v>3633</v>
      </c>
      <c r="PEN1" s="216" t="s">
        <v>3633</v>
      </c>
      <c r="PEO1" s="216" t="s">
        <v>3633</v>
      </c>
      <c r="PEP1" s="216" t="s">
        <v>3633</v>
      </c>
      <c r="PEQ1" s="216" t="s">
        <v>3633</v>
      </c>
      <c r="PER1" s="216" t="s">
        <v>3633</v>
      </c>
      <c r="PES1" s="216" t="s">
        <v>3633</v>
      </c>
      <c r="PET1" s="216" t="s">
        <v>3633</v>
      </c>
      <c r="PEU1" s="216" t="s">
        <v>3633</v>
      </c>
      <c r="PEV1" s="216" t="s">
        <v>3633</v>
      </c>
      <c r="PEW1" s="216" t="s">
        <v>3633</v>
      </c>
      <c r="PEX1" s="216" t="s">
        <v>3633</v>
      </c>
      <c r="PEY1" s="216" t="s">
        <v>3633</v>
      </c>
      <c r="PEZ1" s="216" t="s">
        <v>3633</v>
      </c>
      <c r="PFA1" s="216" t="s">
        <v>3633</v>
      </c>
      <c r="PFB1" s="216" t="s">
        <v>3633</v>
      </c>
      <c r="PFC1" s="216" t="s">
        <v>3633</v>
      </c>
      <c r="PFD1" s="216" t="s">
        <v>3633</v>
      </c>
      <c r="PFE1" s="216" t="s">
        <v>3633</v>
      </c>
      <c r="PFF1" s="216" t="s">
        <v>3633</v>
      </c>
      <c r="PFG1" s="216" t="s">
        <v>3633</v>
      </c>
      <c r="PFH1" s="216" t="s">
        <v>3633</v>
      </c>
      <c r="PFI1" s="216" t="s">
        <v>3633</v>
      </c>
      <c r="PFJ1" s="216" t="s">
        <v>3633</v>
      </c>
      <c r="PFK1" s="216" t="s">
        <v>3633</v>
      </c>
      <c r="PFL1" s="216" t="s">
        <v>3633</v>
      </c>
      <c r="PFM1" s="216" t="s">
        <v>3633</v>
      </c>
      <c r="PFN1" s="216" t="s">
        <v>3633</v>
      </c>
      <c r="PFO1" s="216" t="s">
        <v>3633</v>
      </c>
      <c r="PFP1" s="216" t="s">
        <v>3633</v>
      </c>
      <c r="PFQ1" s="216" t="s">
        <v>3633</v>
      </c>
      <c r="PFR1" s="216" t="s">
        <v>3633</v>
      </c>
      <c r="PFS1" s="216" t="s">
        <v>3633</v>
      </c>
      <c r="PFT1" s="216" t="s">
        <v>3633</v>
      </c>
      <c r="PFU1" s="216" t="s">
        <v>3633</v>
      </c>
      <c r="PFV1" s="216" t="s">
        <v>3633</v>
      </c>
      <c r="PFW1" s="216" t="s">
        <v>3633</v>
      </c>
      <c r="PFX1" s="216" t="s">
        <v>3633</v>
      </c>
      <c r="PFY1" s="216" t="s">
        <v>3633</v>
      </c>
      <c r="PFZ1" s="216" t="s">
        <v>3633</v>
      </c>
      <c r="PGA1" s="216" t="s">
        <v>3633</v>
      </c>
      <c r="PGB1" s="216" t="s">
        <v>3633</v>
      </c>
      <c r="PGC1" s="216" t="s">
        <v>3633</v>
      </c>
      <c r="PGD1" s="216" t="s">
        <v>3633</v>
      </c>
      <c r="PGE1" s="216" t="s">
        <v>3633</v>
      </c>
      <c r="PGF1" s="216" t="s">
        <v>3633</v>
      </c>
      <c r="PGG1" s="216" t="s">
        <v>3633</v>
      </c>
      <c r="PGH1" s="216" t="s">
        <v>3633</v>
      </c>
      <c r="PGI1" s="216" t="s">
        <v>3633</v>
      </c>
      <c r="PGJ1" s="216" t="s">
        <v>3633</v>
      </c>
      <c r="PGK1" s="216" t="s">
        <v>3633</v>
      </c>
      <c r="PGL1" s="216" t="s">
        <v>3633</v>
      </c>
      <c r="PGM1" s="216" t="s">
        <v>3633</v>
      </c>
      <c r="PGN1" s="216" t="s">
        <v>3633</v>
      </c>
      <c r="PGO1" s="216" t="s">
        <v>3633</v>
      </c>
      <c r="PGP1" s="216" t="s">
        <v>3633</v>
      </c>
      <c r="PGQ1" s="216" t="s">
        <v>3633</v>
      </c>
      <c r="PGR1" s="216" t="s">
        <v>3633</v>
      </c>
      <c r="PGS1" s="216" t="s">
        <v>3633</v>
      </c>
      <c r="PGT1" s="216" t="s">
        <v>3633</v>
      </c>
      <c r="PGU1" s="216" t="s">
        <v>3633</v>
      </c>
      <c r="PGV1" s="216" t="s">
        <v>3633</v>
      </c>
      <c r="PGW1" s="216" t="s">
        <v>3633</v>
      </c>
      <c r="PGX1" s="216" t="s">
        <v>3633</v>
      </c>
      <c r="PGY1" s="216" t="s">
        <v>3633</v>
      </c>
      <c r="PGZ1" s="216" t="s">
        <v>3633</v>
      </c>
      <c r="PHA1" s="216" t="s">
        <v>3633</v>
      </c>
      <c r="PHB1" s="216" t="s">
        <v>3633</v>
      </c>
      <c r="PHC1" s="216" t="s">
        <v>3633</v>
      </c>
      <c r="PHD1" s="216" t="s">
        <v>3633</v>
      </c>
      <c r="PHE1" s="216" t="s">
        <v>3633</v>
      </c>
      <c r="PHF1" s="216" t="s">
        <v>3633</v>
      </c>
      <c r="PHG1" s="216" t="s">
        <v>3633</v>
      </c>
      <c r="PHH1" s="216" t="s">
        <v>3633</v>
      </c>
      <c r="PHI1" s="216" t="s">
        <v>3633</v>
      </c>
      <c r="PHJ1" s="216" t="s">
        <v>3633</v>
      </c>
      <c r="PHK1" s="216" t="s">
        <v>3633</v>
      </c>
      <c r="PHL1" s="216" t="s">
        <v>3633</v>
      </c>
      <c r="PHM1" s="216" t="s">
        <v>3633</v>
      </c>
      <c r="PHN1" s="216" t="s">
        <v>3633</v>
      </c>
      <c r="PHO1" s="216" t="s">
        <v>3633</v>
      </c>
      <c r="PHP1" s="216" t="s">
        <v>3633</v>
      </c>
      <c r="PHQ1" s="216" t="s">
        <v>3633</v>
      </c>
      <c r="PHR1" s="216" t="s">
        <v>3633</v>
      </c>
      <c r="PHS1" s="216" t="s">
        <v>3633</v>
      </c>
      <c r="PHT1" s="216" t="s">
        <v>3633</v>
      </c>
      <c r="PHU1" s="216" t="s">
        <v>3633</v>
      </c>
      <c r="PHV1" s="216" t="s">
        <v>3633</v>
      </c>
      <c r="PHW1" s="216" t="s">
        <v>3633</v>
      </c>
      <c r="PHX1" s="216" t="s">
        <v>3633</v>
      </c>
      <c r="PHY1" s="216" t="s">
        <v>3633</v>
      </c>
      <c r="PHZ1" s="216" t="s">
        <v>3633</v>
      </c>
      <c r="PIA1" s="216" t="s">
        <v>3633</v>
      </c>
      <c r="PIB1" s="216" t="s">
        <v>3633</v>
      </c>
      <c r="PIC1" s="216" t="s">
        <v>3633</v>
      </c>
      <c r="PID1" s="216" t="s">
        <v>3633</v>
      </c>
      <c r="PIE1" s="216" t="s">
        <v>3633</v>
      </c>
      <c r="PIF1" s="216" t="s">
        <v>3633</v>
      </c>
      <c r="PIG1" s="216" t="s">
        <v>3633</v>
      </c>
      <c r="PIH1" s="216" t="s">
        <v>3633</v>
      </c>
      <c r="PII1" s="216" t="s">
        <v>3633</v>
      </c>
      <c r="PIJ1" s="216" t="s">
        <v>3633</v>
      </c>
      <c r="PIK1" s="216" t="s">
        <v>3633</v>
      </c>
      <c r="PIL1" s="216" t="s">
        <v>3633</v>
      </c>
      <c r="PIM1" s="216" t="s">
        <v>3633</v>
      </c>
      <c r="PIN1" s="216" t="s">
        <v>3633</v>
      </c>
      <c r="PIO1" s="216" t="s">
        <v>3633</v>
      </c>
      <c r="PIP1" s="216" t="s">
        <v>3633</v>
      </c>
      <c r="PIQ1" s="216" t="s">
        <v>3633</v>
      </c>
      <c r="PIR1" s="216" t="s">
        <v>3633</v>
      </c>
      <c r="PIS1" s="216" t="s">
        <v>3633</v>
      </c>
      <c r="PIT1" s="216" t="s">
        <v>3633</v>
      </c>
      <c r="PIU1" s="216" t="s">
        <v>3633</v>
      </c>
      <c r="PIV1" s="216" t="s">
        <v>3633</v>
      </c>
      <c r="PIW1" s="216" t="s">
        <v>3633</v>
      </c>
      <c r="PIX1" s="216" t="s">
        <v>3633</v>
      </c>
      <c r="PIY1" s="216" t="s">
        <v>3633</v>
      </c>
      <c r="PIZ1" s="216" t="s">
        <v>3633</v>
      </c>
      <c r="PJA1" s="216" t="s">
        <v>3633</v>
      </c>
      <c r="PJB1" s="216" t="s">
        <v>3633</v>
      </c>
      <c r="PJC1" s="216" t="s">
        <v>3633</v>
      </c>
      <c r="PJD1" s="216" t="s">
        <v>3633</v>
      </c>
      <c r="PJE1" s="216" t="s">
        <v>3633</v>
      </c>
      <c r="PJF1" s="216" t="s">
        <v>3633</v>
      </c>
      <c r="PJG1" s="216" t="s">
        <v>3633</v>
      </c>
      <c r="PJH1" s="216" t="s">
        <v>3633</v>
      </c>
      <c r="PJI1" s="216" t="s">
        <v>3633</v>
      </c>
      <c r="PJJ1" s="216" t="s">
        <v>3633</v>
      </c>
      <c r="PJK1" s="216" t="s">
        <v>3633</v>
      </c>
      <c r="PJL1" s="216" t="s">
        <v>3633</v>
      </c>
      <c r="PJM1" s="216" t="s">
        <v>3633</v>
      </c>
      <c r="PJN1" s="216" t="s">
        <v>3633</v>
      </c>
      <c r="PJO1" s="216" t="s">
        <v>3633</v>
      </c>
      <c r="PJP1" s="216" t="s">
        <v>3633</v>
      </c>
      <c r="PJQ1" s="216" t="s">
        <v>3633</v>
      </c>
      <c r="PJR1" s="216" t="s">
        <v>3633</v>
      </c>
      <c r="PJS1" s="216" t="s">
        <v>3633</v>
      </c>
      <c r="PJT1" s="216" t="s">
        <v>3633</v>
      </c>
      <c r="PJU1" s="216" t="s">
        <v>3633</v>
      </c>
      <c r="PJV1" s="216" t="s">
        <v>3633</v>
      </c>
      <c r="PJW1" s="216" t="s">
        <v>3633</v>
      </c>
      <c r="PJX1" s="216" t="s">
        <v>3633</v>
      </c>
      <c r="PJY1" s="216" t="s">
        <v>3633</v>
      </c>
      <c r="PJZ1" s="216" t="s">
        <v>3633</v>
      </c>
      <c r="PKA1" s="216" t="s">
        <v>3633</v>
      </c>
      <c r="PKB1" s="216" t="s">
        <v>3633</v>
      </c>
      <c r="PKC1" s="216" t="s">
        <v>3633</v>
      </c>
      <c r="PKD1" s="216" t="s">
        <v>3633</v>
      </c>
      <c r="PKE1" s="216" t="s">
        <v>3633</v>
      </c>
      <c r="PKF1" s="216" t="s">
        <v>3633</v>
      </c>
      <c r="PKG1" s="216" t="s">
        <v>3633</v>
      </c>
      <c r="PKH1" s="216" t="s">
        <v>3633</v>
      </c>
      <c r="PKI1" s="216" t="s">
        <v>3633</v>
      </c>
      <c r="PKJ1" s="216" t="s">
        <v>3633</v>
      </c>
      <c r="PKK1" s="216" t="s">
        <v>3633</v>
      </c>
      <c r="PKL1" s="216" t="s">
        <v>3633</v>
      </c>
      <c r="PKM1" s="216" t="s">
        <v>3633</v>
      </c>
      <c r="PKN1" s="216" t="s">
        <v>3633</v>
      </c>
      <c r="PKO1" s="216" t="s">
        <v>3633</v>
      </c>
      <c r="PKP1" s="216" t="s">
        <v>3633</v>
      </c>
      <c r="PKQ1" s="216" t="s">
        <v>3633</v>
      </c>
      <c r="PKR1" s="216" t="s">
        <v>3633</v>
      </c>
      <c r="PKS1" s="216" t="s">
        <v>3633</v>
      </c>
      <c r="PKT1" s="216" t="s">
        <v>3633</v>
      </c>
      <c r="PKU1" s="216" t="s">
        <v>3633</v>
      </c>
      <c r="PKV1" s="216" t="s">
        <v>3633</v>
      </c>
      <c r="PKW1" s="216" t="s">
        <v>3633</v>
      </c>
      <c r="PKX1" s="216" t="s">
        <v>3633</v>
      </c>
      <c r="PKY1" s="216" t="s">
        <v>3633</v>
      </c>
      <c r="PKZ1" s="216" t="s">
        <v>3633</v>
      </c>
      <c r="PLA1" s="216" t="s">
        <v>3633</v>
      </c>
      <c r="PLB1" s="216" t="s">
        <v>3633</v>
      </c>
      <c r="PLC1" s="216" t="s">
        <v>3633</v>
      </c>
      <c r="PLD1" s="216" t="s">
        <v>3633</v>
      </c>
      <c r="PLE1" s="216" t="s">
        <v>3633</v>
      </c>
      <c r="PLF1" s="216" t="s">
        <v>3633</v>
      </c>
      <c r="PLG1" s="216" t="s">
        <v>3633</v>
      </c>
      <c r="PLH1" s="216" t="s">
        <v>3633</v>
      </c>
      <c r="PLI1" s="216" t="s">
        <v>3633</v>
      </c>
      <c r="PLJ1" s="216" t="s">
        <v>3633</v>
      </c>
      <c r="PLK1" s="216" t="s">
        <v>3633</v>
      </c>
      <c r="PLL1" s="216" t="s">
        <v>3633</v>
      </c>
      <c r="PLM1" s="216" t="s">
        <v>3633</v>
      </c>
      <c r="PLN1" s="216" t="s">
        <v>3633</v>
      </c>
      <c r="PLO1" s="216" t="s">
        <v>3633</v>
      </c>
      <c r="PLP1" s="216" t="s">
        <v>3633</v>
      </c>
      <c r="PLQ1" s="216" t="s">
        <v>3633</v>
      </c>
      <c r="PLR1" s="216" t="s">
        <v>3633</v>
      </c>
      <c r="PLS1" s="216" t="s">
        <v>3633</v>
      </c>
      <c r="PLT1" s="216" t="s">
        <v>3633</v>
      </c>
      <c r="PLU1" s="216" t="s">
        <v>3633</v>
      </c>
      <c r="PLV1" s="216" t="s">
        <v>3633</v>
      </c>
      <c r="PLW1" s="216" t="s">
        <v>3633</v>
      </c>
      <c r="PLX1" s="216" t="s">
        <v>3633</v>
      </c>
      <c r="PLY1" s="216" t="s">
        <v>3633</v>
      </c>
      <c r="PLZ1" s="216" t="s">
        <v>3633</v>
      </c>
      <c r="PMA1" s="216" t="s">
        <v>3633</v>
      </c>
      <c r="PMB1" s="216" t="s">
        <v>3633</v>
      </c>
      <c r="PMC1" s="216" t="s">
        <v>3633</v>
      </c>
      <c r="PMD1" s="216" t="s">
        <v>3633</v>
      </c>
      <c r="PME1" s="216" t="s">
        <v>3633</v>
      </c>
      <c r="PMF1" s="216" t="s">
        <v>3633</v>
      </c>
      <c r="PMG1" s="216" t="s">
        <v>3633</v>
      </c>
      <c r="PMH1" s="216" t="s">
        <v>3633</v>
      </c>
      <c r="PMI1" s="216" t="s">
        <v>3633</v>
      </c>
      <c r="PMJ1" s="216" t="s">
        <v>3633</v>
      </c>
      <c r="PMK1" s="216" t="s">
        <v>3633</v>
      </c>
      <c r="PML1" s="216" t="s">
        <v>3633</v>
      </c>
      <c r="PMM1" s="216" t="s">
        <v>3633</v>
      </c>
      <c r="PMN1" s="216" t="s">
        <v>3633</v>
      </c>
      <c r="PMO1" s="216" t="s">
        <v>3633</v>
      </c>
      <c r="PMP1" s="216" t="s">
        <v>3633</v>
      </c>
      <c r="PMQ1" s="216" t="s">
        <v>3633</v>
      </c>
      <c r="PMR1" s="216" t="s">
        <v>3633</v>
      </c>
      <c r="PMS1" s="216" t="s">
        <v>3633</v>
      </c>
      <c r="PMT1" s="216" t="s">
        <v>3633</v>
      </c>
      <c r="PMU1" s="216" t="s">
        <v>3633</v>
      </c>
      <c r="PMV1" s="216" t="s">
        <v>3633</v>
      </c>
      <c r="PMW1" s="216" t="s">
        <v>3633</v>
      </c>
      <c r="PMX1" s="216" t="s">
        <v>3633</v>
      </c>
      <c r="PMY1" s="216" t="s">
        <v>3633</v>
      </c>
      <c r="PMZ1" s="216" t="s">
        <v>3633</v>
      </c>
      <c r="PNA1" s="216" t="s">
        <v>3633</v>
      </c>
      <c r="PNB1" s="216" t="s">
        <v>3633</v>
      </c>
      <c r="PNC1" s="216" t="s">
        <v>3633</v>
      </c>
      <c r="PND1" s="216" t="s">
        <v>3633</v>
      </c>
      <c r="PNE1" s="216" t="s">
        <v>3633</v>
      </c>
      <c r="PNF1" s="216" t="s">
        <v>3633</v>
      </c>
      <c r="PNG1" s="216" t="s">
        <v>3633</v>
      </c>
      <c r="PNH1" s="216" t="s">
        <v>3633</v>
      </c>
      <c r="PNI1" s="216" t="s">
        <v>3633</v>
      </c>
      <c r="PNJ1" s="216" t="s">
        <v>3633</v>
      </c>
      <c r="PNK1" s="216" t="s">
        <v>3633</v>
      </c>
      <c r="PNL1" s="216" t="s">
        <v>3633</v>
      </c>
      <c r="PNM1" s="216" t="s">
        <v>3633</v>
      </c>
      <c r="PNN1" s="216" t="s">
        <v>3633</v>
      </c>
      <c r="PNO1" s="216" t="s">
        <v>3633</v>
      </c>
      <c r="PNP1" s="216" t="s">
        <v>3633</v>
      </c>
      <c r="PNQ1" s="216" t="s">
        <v>3633</v>
      </c>
      <c r="PNR1" s="216" t="s">
        <v>3633</v>
      </c>
      <c r="PNS1" s="216" t="s">
        <v>3633</v>
      </c>
      <c r="PNT1" s="216" t="s">
        <v>3633</v>
      </c>
      <c r="PNU1" s="216" t="s">
        <v>3633</v>
      </c>
      <c r="PNV1" s="216" t="s">
        <v>3633</v>
      </c>
      <c r="PNW1" s="216" t="s">
        <v>3633</v>
      </c>
      <c r="PNX1" s="216" t="s">
        <v>3633</v>
      </c>
      <c r="PNY1" s="216" t="s">
        <v>3633</v>
      </c>
      <c r="PNZ1" s="216" t="s">
        <v>3633</v>
      </c>
      <c r="POA1" s="216" t="s">
        <v>3633</v>
      </c>
      <c r="POB1" s="216" t="s">
        <v>3633</v>
      </c>
      <c r="POC1" s="216" t="s">
        <v>3633</v>
      </c>
      <c r="POD1" s="216" t="s">
        <v>3633</v>
      </c>
      <c r="POE1" s="216" t="s">
        <v>3633</v>
      </c>
      <c r="POF1" s="216" t="s">
        <v>3633</v>
      </c>
      <c r="POG1" s="216" t="s">
        <v>3633</v>
      </c>
      <c r="POH1" s="216" t="s">
        <v>3633</v>
      </c>
      <c r="POI1" s="216" t="s">
        <v>3633</v>
      </c>
      <c r="POJ1" s="216" t="s">
        <v>3633</v>
      </c>
      <c r="POK1" s="216" t="s">
        <v>3633</v>
      </c>
      <c r="POL1" s="216" t="s">
        <v>3633</v>
      </c>
      <c r="POM1" s="216" t="s">
        <v>3633</v>
      </c>
      <c r="PON1" s="216" t="s">
        <v>3633</v>
      </c>
      <c r="POO1" s="216" t="s">
        <v>3633</v>
      </c>
      <c r="POP1" s="216" t="s">
        <v>3633</v>
      </c>
      <c r="POQ1" s="216" t="s">
        <v>3633</v>
      </c>
      <c r="POR1" s="216" t="s">
        <v>3633</v>
      </c>
      <c r="POS1" s="216" t="s">
        <v>3633</v>
      </c>
      <c r="POT1" s="216" t="s">
        <v>3633</v>
      </c>
      <c r="POU1" s="216" t="s">
        <v>3633</v>
      </c>
      <c r="POV1" s="216" t="s">
        <v>3633</v>
      </c>
      <c r="POW1" s="216" t="s">
        <v>3633</v>
      </c>
      <c r="POX1" s="216" t="s">
        <v>3633</v>
      </c>
      <c r="POY1" s="216" t="s">
        <v>3633</v>
      </c>
      <c r="POZ1" s="216" t="s">
        <v>3633</v>
      </c>
      <c r="PPA1" s="216" t="s">
        <v>3633</v>
      </c>
      <c r="PPB1" s="216" t="s">
        <v>3633</v>
      </c>
      <c r="PPC1" s="216" t="s">
        <v>3633</v>
      </c>
      <c r="PPD1" s="216" t="s">
        <v>3633</v>
      </c>
      <c r="PPE1" s="216" t="s">
        <v>3633</v>
      </c>
      <c r="PPF1" s="216" t="s">
        <v>3633</v>
      </c>
      <c r="PPG1" s="216" t="s">
        <v>3633</v>
      </c>
      <c r="PPH1" s="216" t="s">
        <v>3633</v>
      </c>
      <c r="PPI1" s="216" t="s">
        <v>3633</v>
      </c>
      <c r="PPJ1" s="216" t="s">
        <v>3633</v>
      </c>
      <c r="PPK1" s="216" t="s">
        <v>3633</v>
      </c>
      <c r="PPL1" s="216" t="s">
        <v>3633</v>
      </c>
      <c r="PPM1" s="216" t="s">
        <v>3633</v>
      </c>
      <c r="PPN1" s="216" t="s">
        <v>3633</v>
      </c>
      <c r="PPO1" s="216" t="s">
        <v>3633</v>
      </c>
      <c r="PPP1" s="216" t="s">
        <v>3633</v>
      </c>
      <c r="PPQ1" s="216" t="s">
        <v>3633</v>
      </c>
      <c r="PPR1" s="216" t="s">
        <v>3633</v>
      </c>
      <c r="PPS1" s="216" t="s">
        <v>3633</v>
      </c>
      <c r="PPT1" s="216" t="s">
        <v>3633</v>
      </c>
      <c r="PPU1" s="216" t="s">
        <v>3633</v>
      </c>
      <c r="PPV1" s="216" t="s">
        <v>3633</v>
      </c>
      <c r="PPW1" s="216" t="s">
        <v>3633</v>
      </c>
      <c r="PPX1" s="216" t="s">
        <v>3633</v>
      </c>
      <c r="PPY1" s="216" t="s">
        <v>3633</v>
      </c>
      <c r="PPZ1" s="216" t="s">
        <v>3633</v>
      </c>
      <c r="PQA1" s="216" t="s">
        <v>3633</v>
      </c>
      <c r="PQB1" s="216" t="s">
        <v>3633</v>
      </c>
      <c r="PQC1" s="216" t="s">
        <v>3633</v>
      </c>
      <c r="PQD1" s="216" t="s">
        <v>3633</v>
      </c>
      <c r="PQE1" s="216" t="s">
        <v>3633</v>
      </c>
      <c r="PQF1" s="216" t="s">
        <v>3633</v>
      </c>
      <c r="PQG1" s="216" t="s">
        <v>3633</v>
      </c>
      <c r="PQH1" s="216" t="s">
        <v>3633</v>
      </c>
      <c r="PQI1" s="216" t="s">
        <v>3633</v>
      </c>
      <c r="PQJ1" s="216" t="s">
        <v>3633</v>
      </c>
      <c r="PQK1" s="216" t="s">
        <v>3633</v>
      </c>
      <c r="PQL1" s="216" t="s">
        <v>3633</v>
      </c>
      <c r="PQM1" s="216" t="s">
        <v>3633</v>
      </c>
      <c r="PQN1" s="216" t="s">
        <v>3633</v>
      </c>
      <c r="PQO1" s="216" t="s">
        <v>3633</v>
      </c>
      <c r="PQP1" s="216" t="s">
        <v>3633</v>
      </c>
      <c r="PQQ1" s="216" t="s">
        <v>3633</v>
      </c>
      <c r="PQR1" s="216" t="s">
        <v>3633</v>
      </c>
      <c r="PQS1" s="216" t="s">
        <v>3633</v>
      </c>
      <c r="PQT1" s="216" t="s">
        <v>3633</v>
      </c>
      <c r="PQU1" s="216" t="s">
        <v>3633</v>
      </c>
      <c r="PQV1" s="216" t="s">
        <v>3633</v>
      </c>
      <c r="PQW1" s="216" t="s">
        <v>3633</v>
      </c>
      <c r="PQX1" s="216" t="s">
        <v>3633</v>
      </c>
      <c r="PQY1" s="216" t="s">
        <v>3633</v>
      </c>
      <c r="PQZ1" s="216" t="s">
        <v>3633</v>
      </c>
      <c r="PRA1" s="216" t="s">
        <v>3633</v>
      </c>
      <c r="PRB1" s="216" t="s">
        <v>3633</v>
      </c>
      <c r="PRC1" s="216" t="s">
        <v>3633</v>
      </c>
      <c r="PRD1" s="216" t="s">
        <v>3633</v>
      </c>
      <c r="PRE1" s="216" t="s">
        <v>3633</v>
      </c>
      <c r="PRF1" s="216" t="s">
        <v>3633</v>
      </c>
      <c r="PRG1" s="216" t="s">
        <v>3633</v>
      </c>
      <c r="PRH1" s="216" t="s">
        <v>3633</v>
      </c>
      <c r="PRI1" s="216" t="s">
        <v>3633</v>
      </c>
      <c r="PRJ1" s="216" t="s">
        <v>3633</v>
      </c>
      <c r="PRK1" s="216" t="s">
        <v>3633</v>
      </c>
      <c r="PRL1" s="216" t="s">
        <v>3633</v>
      </c>
      <c r="PRM1" s="216" t="s">
        <v>3633</v>
      </c>
      <c r="PRN1" s="216" t="s">
        <v>3633</v>
      </c>
      <c r="PRO1" s="216" t="s">
        <v>3633</v>
      </c>
      <c r="PRP1" s="216" t="s">
        <v>3633</v>
      </c>
      <c r="PRQ1" s="216" t="s">
        <v>3633</v>
      </c>
      <c r="PRR1" s="216" t="s">
        <v>3633</v>
      </c>
      <c r="PRS1" s="216" t="s">
        <v>3633</v>
      </c>
      <c r="PRT1" s="216" t="s">
        <v>3633</v>
      </c>
      <c r="PRU1" s="216" t="s">
        <v>3633</v>
      </c>
      <c r="PRV1" s="216" t="s">
        <v>3633</v>
      </c>
      <c r="PRW1" s="216" t="s">
        <v>3633</v>
      </c>
      <c r="PRX1" s="216" t="s">
        <v>3633</v>
      </c>
      <c r="PRY1" s="216" t="s">
        <v>3633</v>
      </c>
      <c r="PRZ1" s="216" t="s">
        <v>3633</v>
      </c>
      <c r="PSA1" s="216" t="s">
        <v>3633</v>
      </c>
      <c r="PSB1" s="216" t="s">
        <v>3633</v>
      </c>
      <c r="PSC1" s="216" t="s">
        <v>3633</v>
      </c>
      <c r="PSD1" s="216" t="s">
        <v>3633</v>
      </c>
      <c r="PSE1" s="216" t="s">
        <v>3633</v>
      </c>
      <c r="PSF1" s="216" t="s">
        <v>3633</v>
      </c>
      <c r="PSG1" s="216" t="s">
        <v>3633</v>
      </c>
      <c r="PSH1" s="216" t="s">
        <v>3633</v>
      </c>
      <c r="PSI1" s="216" t="s">
        <v>3633</v>
      </c>
      <c r="PSJ1" s="216" t="s">
        <v>3633</v>
      </c>
      <c r="PSK1" s="216" t="s">
        <v>3633</v>
      </c>
      <c r="PSL1" s="216" t="s">
        <v>3633</v>
      </c>
      <c r="PSM1" s="216" t="s">
        <v>3633</v>
      </c>
      <c r="PSN1" s="216" t="s">
        <v>3633</v>
      </c>
      <c r="PSO1" s="216" t="s">
        <v>3633</v>
      </c>
      <c r="PSP1" s="216" t="s">
        <v>3633</v>
      </c>
      <c r="PSQ1" s="216" t="s">
        <v>3633</v>
      </c>
      <c r="PSR1" s="216" t="s">
        <v>3633</v>
      </c>
      <c r="PSS1" s="216" t="s">
        <v>3633</v>
      </c>
      <c r="PST1" s="216" t="s">
        <v>3633</v>
      </c>
      <c r="PSU1" s="216" t="s">
        <v>3633</v>
      </c>
      <c r="PSV1" s="216" t="s">
        <v>3633</v>
      </c>
      <c r="PSW1" s="216" t="s">
        <v>3633</v>
      </c>
      <c r="PSX1" s="216" t="s">
        <v>3633</v>
      </c>
      <c r="PSY1" s="216" t="s">
        <v>3633</v>
      </c>
      <c r="PSZ1" s="216" t="s">
        <v>3633</v>
      </c>
      <c r="PTA1" s="216" t="s">
        <v>3633</v>
      </c>
      <c r="PTB1" s="216" t="s">
        <v>3633</v>
      </c>
      <c r="PTC1" s="216" t="s">
        <v>3633</v>
      </c>
      <c r="PTD1" s="216" t="s">
        <v>3633</v>
      </c>
      <c r="PTE1" s="216" t="s">
        <v>3633</v>
      </c>
      <c r="PTF1" s="216" t="s">
        <v>3633</v>
      </c>
      <c r="PTG1" s="216" t="s">
        <v>3633</v>
      </c>
      <c r="PTH1" s="216" t="s">
        <v>3633</v>
      </c>
      <c r="PTI1" s="216" t="s">
        <v>3633</v>
      </c>
      <c r="PTJ1" s="216" t="s">
        <v>3633</v>
      </c>
      <c r="PTK1" s="216" t="s">
        <v>3633</v>
      </c>
      <c r="PTL1" s="216" t="s">
        <v>3633</v>
      </c>
      <c r="PTM1" s="216" t="s">
        <v>3633</v>
      </c>
      <c r="PTN1" s="216" t="s">
        <v>3633</v>
      </c>
      <c r="PTO1" s="216" t="s">
        <v>3633</v>
      </c>
      <c r="PTP1" s="216" t="s">
        <v>3633</v>
      </c>
      <c r="PTQ1" s="216" t="s">
        <v>3633</v>
      </c>
      <c r="PTR1" s="216" t="s">
        <v>3633</v>
      </c>
      <c r="PTS1" s="216" t="s">
        <v>3633</v>
      </c>
      <c r="PTT1" s="216" t="s">
        <v>3633</v>
      </c>
      <c r="PTU1" s="216" t="s">
        <v>3633</v>
      </c>
      <c r="PTV1" s="216" t="s">
        <v>3633</v>
      </c>
      <c r="PTW1" s="216" t="s">
        <v>3633</v>
      </c>
      <c r="PTX1" s="216" t="s">
        <v>3633</v>
      </c>
      <c r="PTY1" s="216" t="s">
        <v>3633</v>
      </c>
      <c r="PTZ1" s="216" t="s">
        <v>3633</v>
      </c>
      <c r="PUA1" s="216" t="s">
        <v>3633</v>
      </c>
      <c r="PUB1" s="216" t="s">
        <v>3633</v>
      </c>
      <c r="PUC1" s="216" t="s">
        <v>3633</v>
      </c>
      <c r="PUD1" s="216" t="s">
        <v>3633</v>
      </c>
      <c r="PUE1" s="216" t="s">
        <v>3633</v>
      </c>
      <c r="PUF1" s="216" t="s">
        <v>3633</v>
      </c>
      <c r="PUG1" s="216" t="s">
        <v>3633</v>
      </c>
      <c r="PUH1" s="216" t="s">
        <v>3633</v>
      </c>
      <c r="PUI1" s="216" t="s">
        <v>3633</v>
      </c>
      <c r="PUJ1" s="216" t="s">
        <v>3633</v>
      </c>
      <c r="PUK1" s="216" t="s">
        <v>3633</v>
      </c>
      <c r="PUL1" s="216" t="s">
        <v>3633</v>
      </c>
      <c r="PUM1" s="216" t="s">
        <v>3633</v>
      </c>
      <c r="PUN1" s="216" t="s">
        <v>3633</v>
      </c>
      <c r="PUO1" s="216" t="s">
        <v>3633</v>
      </c>
      <c r="PUP1" s="216" t="s">
        <v>3633</v>
      </c>
      <c r="PUQ1" s="216" t="s">
        <v>3633</v>
      </c>
      <c r="PUR1" s="216" t="s">
        <v>3633</v>
      </c>
      <c r="PUS1" s="216" t="s">
        <v>3633</v>
      </c>
      <c r="PUT1" s="216" t="s">
        <v>3633</v>
      </c>
      <c r="PUU1" s="216" t="s">
        <v>3633</v>
      </c>
      <c r="PUV1" s="216" t="s">
        <v>3633</v>
      </c>
      <c r="PUW1" s="216" t="s">
        <v>3633</v>
      </c>
      <c r="PUX1" s="216" t="s">
        <v>3633</v>
      </c>
      <c r="PUY1" s="216" t="s">
        <v>3633</v>
      </c>
      <c r="PUZ1" s="216" t="s">
        <v>3633</v>
      </c>
      <c r="PVA1" s="216" t="s">
        <v>3633</v>
      </c>
      <c r="PVB1" s="216" t="s">
        <v>3633</v>
      </c>
      <c r="PVC1" s="216" t="s">
        <v>3633</v>
      </c>
      <c r="PVD1" s="216" t="s">
        <v>3633</v>
      </c>
      <c r="PVE1" s="216" t="s">
        <v>3633</v>
      </c>
      <c r="PVF1" s="216" t="s">
        <v>3633</v>
      </c>
      <c r="PVG1" s="216" t="s">
        <v>3633</v>
      </c>
      <c r="PVH1" s="216" t="s">
        <v>3633</v>
      </c>
      <c r="PVI1" s="216" t="s">
        <v>3633</v>
      </c>
      <c r="PVJ1" s="216" t="s">
        <v>3633</v>
      </c>
      <c r="PVK1" s="216" t="s">
        <v>3633</v>
      </c>
      <c r="PVL1" s="216" t="s">
        <v>3633</v>
      </c>
      <c r="PVM1" s="216" t="s">
        <v>3633</v>
      </c>
      <c r="PVN1" s="216" t="s">
        <v>3633</v>
      </c>
      <c r="PVO1" s="216" t="s">
        <v>3633</v>
      </c>
      <c r="PVP1" s="216" t="s">
        <v>3633</v>
      </c>
      <c r="PVQ1" s="216" t="s">
        <v>3633</v>
      </c>
      <c r="PVR1" s="216" t="s">
        <v>3633</v>
      </c>
      <c r="PVS1" s="216" t="s">
        <v>3633</v>
      </c>
      <c r="PVT1" s="216" t="s">
        <v>3633</v>
      </c>
      <c r="PVU1" s="216" t="s">
        <v>3633</v>
      </c>
      <c r="PVV1" s="216" t="s">
        <v>3633</v>
      </c>
      <c r="PVW1" s="216" t="s">
        <v>3633</v>
      </c>
      <c r="PVX1" s="216" t="s">
        <v>3633</v>
      </c>
      <c r="PVY1" s="216" t="s">
        <v>3633</v>
      </c>
      <c r="PVZ1" s="216" t="s">
        <v>3633</v>
      </c>
      <c r="PWA1" s="216" t="s">
        <v>3633</v>
      </c>
      <c r="PWB1" s="216" t="s">
        <v>3633</v>
      </c>
      <c r="PWC1" s="216" t="s">
        <v>3633</v>
      </c>
      <c r="PWD1" s="216" t="s">
        <v>3633</v>
      </c>
      <c r="PWE1" s="216" t="s">
        <v>3633</v>
      </c>
      <c r="PWF1" s="216" t="s">
        <v>3633</v>
      </c>
      <c r="PWG1" s="216" t="s">
        <v>3633</v>
      </c>
      <c r="PWH1" s="216" t="s">
        <v>3633</v>
      </c>
      <c r="PWI1" s="216" t="s">
        <v>3633</v>
      </c>
      <c r="PWJ1" s="216" t="s">
        <v>3633</v>
      </c>
      <c r="PWK1" s="216" t="s">
        <v>3633</v>
      </c>
      <c r="PWL1" s="216" t="s">
        <v>3633</v>
      </c>
      <c r="PWM1" s="216" t="s">
        <v>3633</v>
      </c>
      <c r="PWN1" s="216" t="s">
        <v>3633</v>
      </c>
      <c r="PWO1" s="216" t="s">
        <v>3633</v>
      </c>
      <c r="PWP1" s="216" t="s">
        <v>3633</v>
      </c>
      <c r="PWQ1" s="216" t="s">
        <v>3633</v>
      </c>
      <c r="PWR1" s="216" t="s">
        <v>3633</v>
      </c>
      <c r="PWS1" s="216" t="s">
        <v>3633</v>
      </c>
      <c r="PWT1" s="216" t="s">
        <v>3633</v>
      </c>
      <c r="PWU1" s="216" t="s">
        <v>3633</v>
      </c>
      <c r="PWV1" s="216" t="s">
        <v>3633</v>
      </c>
      <c r="PWW1" s="216" t="s">
        <v>3633</v>
      </c>
      <c r="PWX1" s="216" t="s">
        <v>3633</v>
      </c>
      <c r="PWY1" s="216" t="s">
        <v>3633</v>
      </c>
      <c r="PWZ1" s="216" t="s">
        <v>3633</v>
      </c>
      <c r="PXA1" s="216" t="s">
        <v>3633</v>
      </c>
      <c r="PXB1" s="216" t="s">
        <v>3633</v>
      </c>
      <c r="PXC1" s="216" t="s">
        <v>3633</v>
      </c>
      <c r="PXD1" s="216" t="s">
        <v>3633</v>
      </c>
      <c r="PXE1" s="216" t="s">
        <v>3633</v>
      </c>
      <c r="PXF1" s="216" t="s">
        <v>3633</v>
      </c>
      <c r="PXG1" s="216" t="s">
        <v>3633</v>
      </c>
      <c r="PXH1" s="216" t="s">
        <v>3633</v>
      </c>
      <c r="PXI1" s="216" t="s">
        <v>3633</v>
      </c>
      <c r="PXJ1" s="216" t="s">
        <v>3633</v>
      </c>
      <c r="PXK1" s="216" t="s">
        <v>3633</v>
      </c>
      <c r="PXL1" s="216" t="s">
        <v>3633</v>
      </c>
      <c r="PXM1" s="216" t="s">
        <v>3633</v>
      </c>
      <c r="PXN1" s="216" t="s">
        <v>3633</v>
      </c>
      <c r="PXO1" s="216" t="s">
        <v>3633</v>
      </c>
      <c r="PXP1" s="216" t="s">
        <v>3633</v>
      </c>
      <c r="PXQ1" s="216" t="s">
        <v>3633</v>
      </c>
      <c r="PXR1" s="216" t="s">
        <v>3633</v>
      </c>
      <c r="PXS1" s="216" t="s">
        <v>3633</v>
      </c>
      <c r="PXT1" s="216" t="s">
        <v>3633</v>
      </c>
      <c r="PXU1" s="216" t="s">
        <v>3633</v>
      </c>
      <c r="PXV1" s="216" t="s">
        <v>3633</v>
      </c>
      <c r="PXW1" s="216" t="s">
        <v>3633</v>
      </c>
      <c r="PXX1" s="216" t="s">
        <v>3633</v>
      </c>
      <c r="PXY1" s="216" t="s">
        <v>3633</v>
      </c>
      <c r="PXZ1" s="216" t="s">
        <v>3633</v>
      </c>
      <c r="PYA1" s="216" t="s">
        <v>3633</v>
      </c>
      <c r="PYB1" s="216" t="s">
        <v>3633</v>
      </c>
      <c r="PYC1" s="216" t="s">
        <v>3633</v>
      </c>
      <c r="PYD1" s="216" t="s">
        <v>3633</v>
      </c>
      <c r="PYE1" s="216" t="s">
        <v>3633</v>
      </c>
      <c r="PYF1" s="216" t="s">
        <v>3633</v>
      </c>
      <c r="PYG1" s="216" t="s">
        <v>3633</v>
      </c>
      <c r="PYH1" s="216" t="s">
        <v>3633</v>
      </c>
      <c r="PYI1" s="216" t="s">
        <v>3633</v>
      </c>
      <c r="PYJ1" s="216" t="s">
        <v>3633</v>
      </c>
      <c r="PYK1" s="216" t="s">
        <v>3633</v>
      </c>
      <c r="PYL1" s="216" t="s">
        <v>3633</v>
      </c>
      <c r="PYM1" s="216" t="s">
        <v>3633</v>
      </c>
      <c r="PYN1" s="216" t="s">
        <v>3633</v>
      </c>
      <c r="PYO1" s="216" t="s">
        <v>3633</v>
      </c>
      <c r="PYP1" s="216" t="s">
        <v>3633</v>
      </c>
      <c r="PYQ1" s="216" t="s">
        <v>3633</v>
      </c>
      <c r="PYR1" s="216" t="s">
        <v>3633</v>
      </c>
      <c r="PYS1" s="216" t="s">
        <v>3633</v>
      </c>
      <c r="PYT1" s="216" t="s">
        <v>3633</v>
      </c>
      <c r="PYU1" s="216" t="s">
        <v>3633</v>
      </c>
      <c r="PYV1" s="216" t="s">
        <v>3633</v>
      </c>
      <c r="PYW1" s="216" t="s">
        <v>3633</v>
      </c>
      <c r="PYX1" s="216" t="s">
        <v>3633</v>
      </c>
      <c r="PYY1" s="216" t="s">
        <v>3633</v>
      </c>
      <c r="PYZ1" s="216" t="s">
        <v>3633</v>
      </c>
      <c r="PZA1" s="216" t="s">
        <v>3633</v>
      </c>
      <c r="PZB1" s="216" t="s">
        <v>3633</v>
      </c>
      <c r="PZC1" s="216" t="s">
        <v>3633</v>
      </c>
      <c r="PZD1" s="216" t="s">
        <v>3633</v>
      </c>
      <c r="PZE1" s="216" t="s">
        <v>3633</v>
      </c>
      <c r="PZF1" s="216" t="s">
        <v>3633</v>
      </c>
      <c r="PZG1" s="216" t="s">
        <v>3633</v>
      </c>
      <c r="PZH1" s="216" t="s">
        <v>3633</v>
      </c>
      <c r="PZI1" s="216" t="s">
        <v>3633</v>
      </c>
      <c r="PZJ1" s="216" t="s">
        <v>3633</v>
      </c>
      <c r="PZK1" s="216" t="s">
        <v>3633</v>
      </c>
      <c r="PZL1" s="216" t="s">
        <v>3633</v>
      </c>
      <c r="PZM1" s="216" t="s">
        <v>3633</v>
      </c>
      <c r="PZN1" s="216" t="s">
        <v>3633</v>
      </c>
      <c r="PZO1" s="216" t="s">
        <v>3633</v>
      </c>
      <c r="PZP1" s="216" t="s">
        <v>3633</v>
      </c>
      <c r="PZQ1" s="216" t="s">
        <v>3633</v>
      </c>
      <c r="PZR1" s="216" t="s">
        <v>3633</v>
      </c>
      <c r="PZS1" s="216" t="s">
        <v>3633</v>
      </c>
      <c r="PZT1" s="216" t="s">
        <v>3633</v>
      </c>
      <c r="PZU1" s="216" t="s">
        <v>3633</v>
      </c>
      <c r="PZV1" s="216" t="s">
        <v>3633</v>
      </c>
      <c r="PZW1" s="216" t="s">
        <v>3633</v>
      </c>
      <c r="PZX1" s="216" t="s">
        <v>3633</v>
      </c>
      <c r="PZY1" s="216" t="s">
        <v>3633</v>
      </c>
      <c r="PZZ1" s="216" t="s">
        <v>3633</v>
      </c>
      <c r="QAA1" s="216" t="s">
        <v>3633</v>
      </c>
      <c r="QAB1" s="216" t="s">
        <v>3633</v>
      </c>
      <c r="QAC1" s="216" t="s">
        <v>3633</v>
      </c>
      <c r="QAD1" s="216" t="s">
        <v>3633</v>
      </c>
      <c r="QAE1" s="216" t="s">
        <v>3633</v>
      </c>
      <c r="QAF1" s="216" t="s">
        <v>3633</v>
      </c>
      <c r="QAG1" s="216" t="s">
        <v>3633</v>
      </c>
      <c r="QAH1" s="216" t="s">
        <v>3633</v>
      </c>
      <c r="QAI1" s="216" t="s">
        <v>3633</v>
      </c>
      <c r="QAJ1" s="216" t="s">
        <v>3633</v>
      </c>
      <c r="QAK1" s="216" t="s">
        <v>3633</v>
      </c>
      <c r="QAL1" s="216" t="s">
        <v>3633</v>
      </c>
      <c r="QAM1" s="216" t="s">
        <v>3633</v>
      </c>
      <c r="QAN1" s="216" t="s">
        <v>3633</v>
      </c>
      <c r="QAO1" s="216" t="s">
        <v>3633</v>
      </c>
      <c r="QAP1" s="216" t="s">
        <v>3633</v>
      </c>
      <c r="QAQ1" s="216" t="s">
        <v>3633</v>
      </c>
      <c r="QAR1" s="216" t="s">
        <v>3633</v>
      </c>
      <c r="QAS1" s="216" t="s">
        <v>3633</v>
      </c>
      <c r="QAT1" s="216" t="s">
        <v>3633</v>
      </c>
      <c r="QAU1" s="216" t="s">
        <v>3633</v>
      </c>
      <c r="QAV1" s="216" t="s">
        <v>3633</v>
      </c>
      <c r="QAW1" s="216" t="s">
        <v>3633</v>
      </c>
      <c r="QAX1" s="216" t="s">
        <v>3633</v>
      </c>
      <c r="QAY1" s="216" t="s">
        <v>3633</v>
      </c>
      <c r="QAZ1" s="216" t="s">
        <v>3633</v>
      </c>
      <c r="QBA1" s="216" t="s">
        <v>3633</v>
      </c>
      <c r="QBB1" s="216" t="s">
        <v>3633</v>
      </c>
      <c r="QBC1" s="216" t="s">
        <v>3633</v>
      </c>
      <c r="QBD1" s="216" t="s">
        <v>3633</v>
      </c>
      <c r="QBE1" s="216" t="s">
        <v>3633</v>
      </c>
      <c r="QBF1" s="216" t="s">
        <v>3633</v>
      </c>
      <c r="QBG1" s="216" t="s">
        <v>3633</v>
      </c>
      <c r="QBH1" s="216" t="s">
        <v>3633</v>
      </c>
      <c r="QBI1" s="216" t="s">
        <v>3633</v>
      </c>
      <c r="QBJ1" s="216" t="s">
        <v>3633</v>
      </c>
      <c r="QBK1" s="216" t="s">
        <v>3633</v>
      </c>
      <c r="QBL1" s="216" t="s">
        <v>3633</v>
      </c>
      <c r="QBM1" s="216" t="s">
        <v>3633</v>
      </c>
      <c r="QBN1" s="216" t="s">
        <v>3633</v>
      </c>
      <c r="QBO1" s="216" t="s">
        <v>3633</v>
      </c>
      <c r="QBP1" s="216" t="s">
        <v>3633</v>
      </c>
      <c r="QBQ1" s="216" t="s">
        <v>3633</v>
      </c>
      <c r="QBR1" s="216" t="s">
        <v>3633</v>
      </c>
      <c r="QBS1" s="216" t="s">
        <v>3633</v>
      </c>
      <c r="QBT1" s="216" t="s">
        <v>3633</v>
      </c>
      <c r="QBU1" s="216" t="s">
        <v>3633</v>
      </c>
      <c r="QBV1" s="216" t="s">
        <v>3633</v>
      </c>
      <c r="QBW1" s="216" t="s">
        <v>3633</v>
      </c>
      <c r="QBX1" s="216" t="s">
        <v>3633</v>
      </c>
      <c r="QBY1" s="216" t="s">
        <v>3633</v>
      </c>
      <c r="QBZ1" s="216" t="s">
        <v>3633</v>
      </c>
      <c r="QCA1" s="216" t="s">
        <v>3633</v>
      </c>
      <c r="QCB1" s="216" t="s">
        <v>3633</v>
      </c>
      <c r="QCC1" s="216" t="s">
        <v>3633</v>
      </c>
      <c r="QCD1" s="216" t="s">
        <v>3633</v>
      </c>
      <c r="QCE1" s="216" t="s">
        <v>3633</v>
      </c>
      <c r="QCF1" s="216" t="s">
        <v>3633</v>
      </c>
      <c r="QCG1" s="216" t="s">
        <v>3633</v>
      </c>
      <c r="QCH1" s="216" t="s">
        <v>3633</v>
      </c>
      <c r="QCI1" s="216" t="s">
        <v>3633</v>
      </c>
      <c r="QCJ1" s="216" t="s">
        <v>3633</v>
      </c>
      <c r="QCK1" s="216" t="s">
        <v>3633</v>
      </c>
      <c r="QCL1" s="216" t="s">
        <v>3633</v>
      </c>
      <c r="QCM1" s="216" t="s">
        <v>3633</v>
      </c>
      <c r="QCN1" s="216" t="s">
        <v>3633</v>
      </c>
      <c r="QCO1" s="216" t="s">
        <v>3633</v>
      </c>
      <c r="QCP1" s="216" t="s">
        <v>3633</v>
      </c>
      <c r="QCQ1" s="216" t="s">
        <v>3633</v>
      </c>
      <c r="QCR1" s="216" t="s">
        <v>3633</v>
      </c>
      <c r="QCS1" s="216" t="s">
        <v>3633</v>
      </c>
      <c r="QCT1" s="216" t="s">
        <v>3633</v>
      </c>
      <c r="QCU1" s="216" t="s">
        <v>3633</v>
      </c>
      <c r="QCV1" s="216" t="s">
        <v>3633</v>
      </c>
      <c r="QCW1" s="216" t="s">
        <v>3633</v>
      </c>
      <c r="QCX1" s="216" t="s">
        <v>3633</v>
      </c>
      <c r="QCY1" s="216" t="s">
        <v>3633</v>
      </c>
      <c r="QCZ1" s="216" t="s">
        <v>3633</v>
      </c>
      <c r="QDA1" s="216" t="s">
        <v>3633</v>
      </c>
      <c r="QDB1" s="216" t="s">
        <v>3633</v>
      </c>
      <c r="QDC1" s="216" t="s">
        <v>3633</v>
      </c>
      <c r="QDD1" s="216" t="s">
        <v>3633</v>
      </c>
      <c r="QDE1" s="216" t="s">
        <v>3633</v>
      </c>
      <c r="QDF1" s="216" t="s">
        <v>3633</v>
      </c>
      <c r="QDG1" s="216" t="s">
        <v>3633</v>
      </c>
      <c r="QDH1" s="216" t="s">
        <v>3633</v>
      </c>
      <c r="QDI1" s="216" t="s">
        <v>3633</v>
      </c>
      <c r="QDJ1" s="216" t="s">
        <v>3633</v>
      </c>
      <c r="QDK1" s="216" t="s">
        <v>3633</v>
      </c>
      <c r="QDL1" s="216" t="s">
        <v>3633</v>
      </c>
      <c r="QDM1" s="216" t="s">
        <v>3633</v>
      </c>
      <c r="QDN1" s="216" t="s">
        <v>3633</v>
      </c>
      <c r="QDO1" s="216" t="s">
        <v>3633</v>
      </c>
      <c r="QDP1" s="216" t="s">
        <v>3633</v>
      </c>
      <c r="QDQ1" s="216" t="s">
        <v>3633</v>
      </c>
      <c r="QDR1" s="216" t="s">
        <v>3633</v>
      </c>
      <c r="QDS1" s="216" t="s">
        <v>3633</v>
      </c>
      <c r="QDT1" s="216" t="s">
        <v>3633</v>
      </c>
      <c r="QDU1" s="216" t="s">
        <v>3633</v>
      </c>
      <c r="QDV1" s="216" t="s">
        <v>3633</v>
      </c>
      <c r="QDW1" s="216" t="s">
        <v>3633</v>
      </c>
      <c r="QDX1" s="216" t="s">
        <v>3633</v>
      </c>
      <c r="QDY1" s="216" t="s">
        <v>3633</v>
      </c>
      <c r="QDZ1" s="216" t="s">
        <v>3633</v>
      </c>
      <c r="QEA1" s="216" t="s">
        <v>3633</v>
      </c>
      <c r="QEB1" s="216" t="s">
        <v>3633</v>
      </c>
      <c r="QEC1" s="216" t="s">
        <v>3633</v>
      </c>
      <c r="QED1" s="216" t="s">
        <v>3633</v>
      </c>
      <c r="QEE1" s="216" t="s">
        <v>3633</v>
      </c>
      <c r="QEF1" s="216" t="s">
        <v>3633</v>
      </c>
      <c r="QEG1" s="216" t="s">
        <v>3633</v>
      </c>
      <c r="QEH1" s="216" t="s">
        <v>3633</v>
      </c>
      <c r="QEI1" s="216" t="s">
        <v>3633</v>
      </c>
      <c r="QEJ1" s="216" t="s">
        <v>3633</v>
      </c>
      <c r="QEK1" s="216" t="s">
        <v>3633</v>
      </c>
      <c r="QEL1" s="216" t="s">
        <v>3633</v>
      </c>
      <c r="QEM1" s="216" t="s">
        <v>3633</v>
      </c>
      <c r="QEN1" s="216" t="s">
        <v>3633</v>
      </c>
      <c r="QEO1" s="216" t="s">
        <v>3633</v>
      </c>
      <c r="QEP1" s="216" t="s">
        <v>3633</v>
      </c>
      <c r="QEQ1" s="216" t="s">
        <v>3633</v>
      </c>
      <c r="QER1" s="216" t="s">
        <v>3633</v>
      </c>
      <c r="QES1" s="216" t="s">
        <v>3633</v>
      </c>
      <c r="QET1" s="216" t="s">
        <v>3633</v>
      </c>
      <c r="QEU1" s="216" t="s">
        <v>3633</v>
      </c>
      <c r="QEV1" s="216" t="s">
        <v>3633</v>
      </c>
      <c r="QEW1" s="216" t="s">
        <v>3633</v>
      </c>
      <c r="QEX1" s="216" t="s">
        <v>3633</v>
      </c>
      <c r="QEY1" s="216" t="s">
        <v>3633</v>
      </c>
      <c r="QEZ1" s="216" t="s">
        <v>3633</v>
      </c>
      <c r="QFA1" s="216" t="s">
        <v>3633</v>
      </c>
      <c r="QFB1" s="216" t="s">
        <v>3633</v>
      </c>
      <c r="QFC1" s="216" t="s">
        <v>3633</v>
      </c>
      <c r="QFD1" s="216" t="s">
        <v>3633</v>
      </c>
      <c r="QFE1" s="216" t="s">
        <v>3633</v>
      </c>
      <c r="QFF1" s="216" t="s">
        <v>3633</v>
      </c>
      <c r="QFG1" s="216" t="s">
        <v>3633</v>
      </c>
      <c r="QFH1" s="216" t="s">
        <v>3633</v>
      </c>
      <c r="QFI1" s="216" t="s">
        <v>3633</v>
      </c>
      <c r="QFJ1" s="216" t="s">
        <v>3633</v>
      </c>
      <c r="QFK1" s="216" t="s">
        <v>3633</v>
      </c>
      <c r="QFL1" s="216" t="s">
        <v>3633</v>
      </c>
      <c r="QFM1" s="216" t="s">
        <v>3633</v>
      </c>
      <c r="QFN1" s="216" t="s">
        <v>3633</v>
      </c>
      <c r="QFO1" s="216" t="s">
        <v>3633</v>
      </c>
      <c r="QFP1" s="216" t="s">
        <v>3633</v>
      </c>
      <c r="QFQ1" s="216" t="s">
        <v>3633</v>
      </c>
      <c r="QFR1" s="216" t="s">
        <v>3633</v>
      </c>
      <c r="QFS1" s="216" t="s">
        <v>3633</v>
      </c>
      <c r="QFT1" s="216" t="s">
        <v>3633</v>
      </c>
      <c r="QFU1" s="216" t="s">
        <v>3633</v>
      </c>
      <c r="QFV1" s="216" t="s">
        <v>3633</v>
      </c>
      <c r="QFW1" s="216" t="s">
        <v>3633</v>
      </c>
      <c r="QFX1" s="216" t="s">
        <v>3633</v>
      </c>
      <c r="QFY1" s="216" t="s">
        <v>3633</v>
      </c>
      <c r="QFZ1" s="216" t="s">
        <v>3633</v>
      </c>
      <c r="QGA1" s="216" t="s">
        <v>3633</v>
      </c>
      <c r="QGB1" s="216" t="s">
        <v>3633</v>
      </c>
      <c r="QGC1" s="216" t="s">
        <v>3633</v>
      </c>
      <c r="QGD1" s="216" t="s">
        <v>3633</v>
      </c>
      <c r="QGE1" s="216" t="s">
        <v>3633</v>
      </c>
      <c r="QGF1" s="216" t="s">
        <v>3633</v>
      </c>
      <c r="QGG1" s="216" t="s">
        <v>3633</v>
      </c>
      <c r="QGH1" s="216" t="s">
        <v>3633</v>
      </c>
      <c r="QGI1" s="216" t="s">
        <v>3633</v>
      </c>
      <c r="QGJ1" s="216" t="s">
        <v>3633</v>
      </c>
      <c r="QGK1" s="216" t="s">
        <v>3633</v>
      </c>
      <c r="QGL1" s="216" t="s">
        <v>3633</v>
      </c>
      <c r="QGM1" s="216" t="s">
        <v>3633</v>
      </c>
      <c r="QGN1" s="216" t="s">
        <v>3633</v>
      </c>
      <c r="QGO1" s="216" t="s">
        <v>3633</v>
      </c>
      <c r="QGP1" s="216" t="s">
        <v>3633</v>
      </c>
      <c r="QGQ1" s="216" t="s">
        <v>3633</v>
      </c>
      <c r="QGR1" s="216" t="s">
        <v>3633</v>
      </c>
      <c r="QGS1" s="216" t="s">
        <v>3633</v>
      </c>
      <c r="QGT1" s="216" t="s">
        <v>3633</v>
      </c>
      <c r="QGU1" s="216" t="s">
        <v>3633</v>
      </c>
      <c r="QGV1" s="216" t="s">
        <v>3633</v>
      </c>
      <c r="QGW1" s="216" t="s">
        <v>3633</v>
      </c>
      <c r="QGX1" s="216" t="s">
        <v>3633</v>
      </c>
      <c r="QGY1" s="216" t="s">
        <v>3633</v>
      </c>
      <c r="QGZ1" s="216" t="s">
        <v>3633</v>
      </c>
      <c r="QHA1" s="216" t="s">
        <v>3633</v>
      </c>
      <c r="QHB1" s="216" t="s">
        <v>3633</v>
      </c>
      <c r="QHC1" s="216" t="s">
        <v>3633</v>
      </c>
      <c r="QHD1" s="216" t="s">
        <v>3633</v>
      </c>
      <c r="QHE1" s="216" t="s">
        <v>3633</v>
      </c>
      <c r="QHF1" s="216" t="s">
        <v>3633</v>
      </c>
      <c r="QHG1" s="216" t="s">
        <v>3633</v>
      </c>
      <c r="QHH1" s="216" t="s">
        <v>3633</v>
      </c>
      <c r="QHI1" s="216" t="s">
        <v>3633</v>
      </c>
      <c r="QHJ1" s="216" t="s">
        <v>3633</v>
      </c>
      <c r="QHK1" s="216" t="s">
        <v>3633</v>
      </c>
      <c r="QHL1" s="216" t="s">
        <v>3633</v>
      </c>
      <c r="QHM1" s="216" t="s">
        <v>3633</v>
      </c>
      <c r="QHN1" s="216" t="s">
        <v>3633</v>
      </c>
      <c r="QHO1" s="216" t="s">
        <v>3633</v>
      </c>
      <c r="QHP1" s="216" t="s">
        <v>3633</v>
      </c>
      <c r="QHQ1" s="216" t="s">
        <v>3633</v>
      </c>
      <c r="QHR1" s="216" t="s">
        <v>3633</v>
      </c>
      <c r="QHS1" s="216" t="s">
        <v>3633</v>
      </c>
      <c r="QHT1" s="216" t="s">
        <v>3633</v>
      </c>
      <c r="QHU1" s="216" t="s">
        <v>3633</v>
      </c>
      <c r="QHV1" s="216" t="s">
        <v>3633</v>
      </c>
      <c r="QHW1" s="216" t="s">
        <v>3633</v>
      </c>
      <c r="QHX1" s="216" t="s">
        <v>3633</v>
      </c>
      <c r="QHY1" s="216" t="s">
        <v>3633</v>
      </c>
      <c r="QHZ1" s="216" t="s">
        <v>3633</v>
      </c>
      <c r="QIA1" s="216" t="s">
        <v>3633</v>
      </c>
      <c r="QIB1" s="216" t="s">
        <v>3633</v>
      </c>
      <c r="QIC1" s="216" t="s">
        <v>3633</v>
      </c>
      <c r="QID1" s="216" t="s">
        <v>3633</v>
      </c>
      <c r="QIE1" s="216" t="s">
        <v>3633</v>
      </c>
      <c r="QIF1" s="216" t="s">
        <v>3633</v>
      </c>
      <c r="QIG1" s="216" t="s">
        <v>3633</v>
      </c>
      <c r="QIH1" s="216" t="s">
        <v>3633</v>
      </c>
      <c r="QII1" s="216" t="s">
        <v>3633</v>
      </c>
      <c r="QIJ1" s="216" t="s">
        <v>3633</v>
      </c>
      <c r="QIK1" s="216" t="s">
        <v>3633</v>
      </c>
      <c r="QIL1" s="216" t="s">
        <v>3633</v>
      </c>
      <c r="QIM1" s="216" t="s">
        <v>3633</v>
      </c>
      <c r="QIN1" s="216" t="s">
        <v>3633</v>
      </c>
      <c r="QIO1" s="216" t="s">
        <v>3633</v>
      </c>
      <c r="QIP1" s="216" t="s">
        <v>3633</v>
      </c>
      <c r="QIQ1" s="216" t="s">
        <v>3633</v>
      </c>
      <c r="QIR1" s="216" t="s">
        <v>3633</v>
      </c>
      <c r="QIS1" s="216" t="s">
        <v>3633</v>
      </c>
      <c r="QIT1" s="216" t="s">
        <v>3633</v>
      </c>
      <c r="QIU1" s="216" t="s">
        <v>3633</v>
      </c>
      <c r="QIV1" s="216" t="s">
        <v>3633</v>
      </c>
      <c r="QIW1" s="216" t="s">
        <v>3633</v>
      </c>
      <c r="QIX1" s="216" t="s">
        <v>3633</v>
      </c>
      <c r="QIY1" s="216" t="s">
        <v>3633</v>
      </c>
      <c r="QIZ1" s="216" t="s">
        <v>3633</v>
      </c>
      <c r="QJA1" s="216" t="s">
        <v>3633</v>
      </c>
      <c r="QJB1" s="216" t="s">
        <v>3633</v>
      </c>
      <c r="QJC1" s="216" t="s">
        <v>3633</v>
      </c>
      <c r="QJD1" s="216" t="s">
        <v>3633</v>
      </c>
      <c r="QJE1" s="216" t="s">
        <v>3633</v>
      </c>
      <c r="QJF1" s="216" t="s">
        <v>3633</v>
      </c>
      <c r="QJG1" s="216" t="s">
        <v>3633</v>
      </c>
      <c r="QJH1" s="216" t="s">
        <v>3633</v>
      </c>
      <c r="QJI1" s="216" t="s">
        <v>3633</v>
      </c>
      <c r="QJJ1" s="216" t="s">
        <v>3633</v>
      </c>
      <c r="QJK1" s="216" t="s">
        <v>3633</v>
      </c>
      <c r="QJL1" s="216" t="s">
        <v>3633</v>
      </c>
      <c r="QJM1" s="216" t="s">
        <v>3633</v>
      </c>
      <c r="QJN1" s="216" t="s">
        <v>3633</v>
      </c>
      <c r="QJO1" s="216" t="s">
        <v>3633</v>
      </c>
      <c r="QJP1" s="216" t="s">
        <v>3633</v>
      </c>
      <c r="QJQ1" s="216" t="s">
        <v>3633</v>
      </c>
      <c r="QJR1" s="216" t="s">
        <v>3633</v>
      </c>
      <c r="QJS1" s="216" t="s">
        <v>3633</v>
      </c>
      <c r="QJT1" s="216" t="s">
        <v>3633</v>
      </c>
      <c r="QJU1" s="216" t="s">
        <v>3633</v>
      </c>
      <c r="QJV1" s="216" t="s">
        <v>3633</v>
      </c>
      <c r="QJW1" s="216" t="s">
        <v>3633</v>
      </c>
      <c r="QJX1" s="216" t="s">
        <v>3633</v>
      </c>
      <c r="QJY1" s="216" t="s">
        <v>3633</v>
      </c>
      <c r="QJZ1" s="216" t="s">
        <v>3633</v>
      </c>
      <c r="QKA1" s="216" t="s">
        <v>3633</v>
      </c>
      <c r="QKB1" s="216" t="s">
        <v>3633</v>
      </c>
      <c r="QKC1" s="216" t="s">
        <v>3633</v>
      </c>
      <c r="QKD1" s="216" t="s">
        <v>3633</v>
      </c>
      <c r="QKE1" s="216" t="s">
        <v>3633</v>
      </c>
      <c r="QKF1" s="216" t="s">
        <v>3633</v>
      </c>
      <c r="QKG1" s="216" t="s">
        <v>3633</v>
      </c>
      <c r="QKH1" s="216" t="s">
        <v>3633</v>
      </c>
      <c r="QKI1" s="216" t="s">
        <v>3633</v>
      </c>
      <c r="QKJ1" s="216" t="s">
        <v>3633</v>
      </c>
      <c r="QKK1" s="216" t="s">
        <v>3633</v>
      </c>
      <c r="QKL1" s="216" t="s">
        <v>3633</v>
      </c>
      <c r="QKM1" s="216" t="s">
        <v>3633</v>
      </c>
      <c r="QKN1" s="216" t="s">
        <v>3633</v>
      </c>
      <c r="QKO1" s="216" t="s">
        <v>3633</v>
      </c>
      <c r="QKP1" s="216" t="s">
        <v>3633</v>
      </c>
      <c r="QKQ1" s="216" t="s">
        <v>3633</v>
      </c>
      <c r="QKR1" s="216" t="s">
        <v>3633</v>
      </c>
      <c r="QKS1" s="216" t="s">
        <v>3633</v>
      </c>
      <c r="QKT1" s="216" t="s">
        <v>3633</v>
      </c>
      <c r="QKU1" s="216" t="s">
        <v>3633</v>
      </c>
      <c r="QKV1" s="216" t="s">
        <v>3633</v>
      </c>
      <c r="QKW1" s="216" t="s">
        <v>3633</v>
      </c>
      <c r="QKX1" s="216" t="s">
        <v>3633</v>
      </c>
      <c r="QKY1" s="216" t="s">
        <v>3633</v>
      </c>
      <c r="QKZ1" s="216" t="s">
        <v>3633</v>
      </c>
      <c r="QLA1" s="216" t="s">
        <v>3633</v>
      </c>
      <c r="QLB1" s="216" t="s">
        <v>3633</v>
      </c>
      <c r="QLC1" s="216" t="s">
        <v>3633</v>
      </c>
      <c r="QLD1" s="216" t="s">
        <v>3633</v>
      </c>
      <c r="QLE1" s="216" t="s">
        <v>3633</v>
      </c>
      <c r="QLF1" s="216" t="s">
        <v>3633</v>
      </c>
      <c r="QLG1" s="216" t="s">
        <v>3633</v>
      </c>
      <c r="QLH1" s="216" t="s">
        <v>3633</v>
      </c>
      <c r="QLI1" s="216" t="s">
        <v>3633</v>
      </c>
      <c r="QLJ1" s="216" t="s">
        <v>3633</v>
      </c>
      <c r="QLK1" s="216" t="s">
        <v>3633</v>
      </c>
      <c r="QLL1" s="216" t="s">
        <v>3633</v>
      </c>
      <c r="QLM1" s="216" t="s">
        <v>3633</v>
      </c>
      <c r="QLN1" s="216" t="s">
        <v>3633</v>
      </c>
      <c r="QLO1" s="216" t="s">
        <v>3633</v>
      </c>
      <c r="QLP1" s="216" t="s">
        <v>3633</v>
      </c>
      <c r="QLQ1" s="216" t="s">
        <v>3633</v>
      </c>
      <c r="QLR1" s="216" t="s">
        <v>3633</v>
      </c>
      <c r="QLS1" s="216" t="s">
        <v>3633</v>
      </c>
      <c r="QLT1" s="216" t="s">
        <v>3633</v>
      </c>
      <c r="QLU1" s="216" t="s">
        <v>3633</v>
      </c>
      <c r="QLV1" s="216" t="s">
        <v>3633</v>
      </c>
      <c r="QLW1" s="216" t="s">
        <v>3633</v>
      </c>
      <c r="QLX1" s="216" t="s">
        <v>3633</v>
      </c>
      <c r="QLY1" s="216" t="s">
        <v>3633</v>
      </c>
      <c r="QLZ1" s="216" t="s">
        <v>3633</v>
      </c>
      <c r="QMA1" s="216" t="s">
        <v>3633</v>
      </c>
      <c r="QMB1" s="216" t="s">
        <v>3633</v>
      </c>
      <c r="QMC1" s="216" t="s">
        <v>3633</v>
      </c>
      <c r="QMD1" s="216" t="s">
        <v>3633</v>
      </c>
      <c r="QME1" s="216" t="s">
        <v>3633</v>
      </c>
      <c r="QMF1" s="216" t="s">
        <v>3633</v>
      </c>
      <c r="QMG1" s="216" t="s">
        <v>3633</v>
      </c>
      <c r="QMH1" s="216" t="s">
        <v>3633</v>
      </c>
      <c r="QMI1" s="216" t="s">
        <v>3633</v>
      </c>
      <c r="QMJ1" s="216" t="s">
        <v>3633</v>
      </c>
      <c r="QMK1" s="216" t="s">
        <v>3633</v>
      </c>
      <c r="QML1" s="216" t="s">
        <v>3633</v>
      </c>
      <c r="QMM1" s="216" t="s">
        <v>3633</v>
      </c>
      <c r="QMN1" s="216" t="s">
        <v>3633</v>
      </c>
      <c r="QMO1" s="216" t="s">
        <v>3633</v>
      </c>
      <c r="QMP1" s="216" t="s">
        <v>3633</v>
      </c>
      <c r="QMQ1" s="216" t="s">
        <v>3633</v>
      </c>
      <c r="QMR1" s="216" t="s">
        <v>3633</v>
      </c>
      <c r="QMS1" s="216" t="s">
        <v>3633</v>
      </c>
      <c r="QMT1" s="216" t="s">
        <v>3633</v>
      </c>
      <c r="QMU1" s="216" t="s">
        <v>3633</v>
      </c>
      <c r="QMV1" s="216" t="s">
        <v>3633</v>
      </c>
      <c r="QMW1" s="216" t="s">
        <v>3633</v>
      </c>
      <c r="QMX1" s="216" t="s">
        <v>3633</v>
      </c>
      <c r="QMY1" s="216" t="s">
        <v>3633</v>
      </c>
      <c r="QMZ1" s="216" t="s">
        <v>3633</v>
      </c>
      <c r="QNA1" s="216" t="s">
        <v>3633</v>
      </c>
      <c r="QNB1" s="216" t="s">
        <v>3633</v>
      </c>
      <c r="QNC1" s="216" t="s">
        <v>3633</v>
      </c>
      <c r="QND1" s="216" t="s">
        <v>3633</v>
      </c>
      <c r="QNE1" s="216" t="s">
        <v>3633</v>
      </c>
      <c r="QNF1" s="216" t="s">
        <v>3633</v>
      </c>
      <c r="QNG1" s="216" t="s">
        <v>3633</v>
      </c>
      <c r="QNH1" s="216" t="s">
        <v>3633</v>
      </c>
      <c r="QNI1" s="216" t="s">
        <v>3633</v>
      </c>
      <c r="QNJ1" s="216" t="s">
        <v>3633</v>
      </c>
      <c r="QNK1" s="216" t="s">
        <v>3633</v>
      </c>
      <c r="QNL1" s="216" t="s">
        <v>3633</v>
      </c>
      <c r="QNM1" s="216" t="s">
        <v>3633</v>
      </c>
      <c r="QNN1" s="216" t="s">
        <v>3633</v>
      </c>
      <c r="QNO1" s="216" t="s">
        <v>3633</v>
      </c>
      <c r="QNP1" s="216" t="s">
        <v>3633</v>
      </c>
      <c r="QNQ1" s="216" t="s">
        <v>3633</v>
      </c>
      <c r="QNR1" s="216" t="s">
        <v>3633</v>
      </c>
      <c r="QNS1" s="216" t="s">
        <v>3633</v>
      </c>
      <c r="QNT1" s="216" t="s">
        <v>3633</v>
      </c>
      <c r="QNU1" s="216" t="s">
        <v>3633</v>
      </c>
      <c r="QNV1" s="216" t="s">
        <v>3633</v>
      </c>
      <c r="QNW1" s="216" t="s">
        <v>3633</v>
      </c>
      <c r="QNX1" s="216" t="s">
        <v>3633</v>
      </c>
      <c r="QNY1" s="216" t="s">
        <v>3633</v>
      </c>
      <c r="QNZ1" s="216" t="s">
        <v>3633</v>
      </c>
      <c r="QOA1" s="216" t="s">
        <v>3633</v>
      </c>
      <c r="QOB1" s="216" t="s">
        <v>3633</v>
      </c>
      <c r="QOC1" s="216" t="s">
        <v>3633</v>
      </c>
      <c r="QOD1" s="216" t="s">
        <v>3633</v>
      </c>
      <c r="QOE1" s="216" t="s">
        <v>3633</v>
      </c>
      <c r="QOF1" s="216" t="s">
        <v>3633</v>
      </c>
      <c r="QOG1" s="216" t="s">
        <v>3633</v>
      </c>
      <c r="QOH1" s="216" t="s">
        <v>3633</v>
      </c>
      <c r="QOI1" s="216" t="s">
        <v>3633</v>
      </c>
      <c r="QOJ1" s="216" t="s">
        <v>3633</v>
      </c>
      <c r="QOK1" s="216" t="s">
        <v>3633</v>
      </c>
      <c r="QOL1" s="216" t="s">
        <v>3633</v>
      </c>
      <c r="QOM1" s="216" t="s">
        <v>3633</v>
      </c>
      <c r="QON1" s="216" t="s">
        <v>3633</v>
      </c>
      <c r="QOO1" s="216" t="s">
        <v>3633</v>
      </c>
      <c r="QOP1" s="216" t="s">
        <v>3633</v>
      </c>
      <c r="QOQ1" s="216" t="s">
        <v>3633</v>
      </c>
      <c r="QOR1" s="216" t="s">
        <v>3633</v>
      </c>
      <c r="QOS1" s="216" t="s">
        <v>3633</v>
      </c>
      <c r="QOT1" s="216" t="s">
        <v>3633</v>
      </c>
      <c r="QOU1" s="216" t="s">
        <v>3633</v>
      </c>
      <c r="QOV1" s="216" t="s">
        <v>3633</v>
      </c>
      <c r="QOW1" s="216" t="s">
        <v>3633</v>
      </c>
      <c r="QOX1" s="216" t="s">
        <v>3633</v>
      </c>
      <c r="QOY1" s="216" t="s">
        <v>3633</v>
      </c>
      <c r="QOZ1" s="216" t="s">
        <v>3633</v>
      </c>
      <c r="QPA1" s="216" t="s">
        <v>3633</v>
      </c>
      <c r="QPB1" s="216" t="s">
        <v>3633</v>
      </c>
      <c r="QPC1" s="216" t="s">
        <v>3633</v>
      </c>
      <c r="QPD1" s="216" t="s">
        <v>3633</v>
      </c>
      <c r="QPE1" s="216" t="s">
        <v>3633</v>
      </c>
      <c r="QPF1" s="216" t="s">
        <v>3633</v>
      </c>
      <c r="QPG1" s="216" t="s">
        <v>3633</v>
      </c>
      <c r="QPH1" s="216" t="s">
        <v>3633</v>
      </c>
      <c r="QPI1" s="216" t="s">
        <v>3633</v>
      </c>
      <c r="QPJ1" s="216" t="s">
        <v>3633</v>
      </c>
      <c r="QPK1" s="216" t="s">
        <v>3633</v>
      </c>
      <c r="QPL1" s="216" t="s">
        <v>3633</v>
      </c>
      <c r="QPM1" s="216" t="s">
        <v>3633</v>
      </c>
      <c r="QPN1" s="216" t="s">
        <v>3633</v>
      </c>
      <c r="QPO1" s="216" t="s">
        <v>3633</v>
      </c>
      <c r="QPP1" s="216" t="s">
        <v>3633</v>
      </c>
      <c r="QPQ1" s="216" t="s">
        <v>3633</v>
      </c>
      <c r="QPR1" s="216" t="s">
        <v>3633</v>
      </c>
      <c r="QPS1" s="216" t="s">
        <v>3633</v>
      </c>
      <c r="QPT1" s="216" t="s">
        <v>3633</v>
      </c>
      <c r="QPU1" s="216" t="s">
        <v>3633</v>
      </c>
      <c r="QPV1" s="216" t="s">
        <v>3633</v>
      </c>
      <c r="QPW1" s="216" t="s">
        <v>3633</v>
      </c>
      <c r="QPX1" s="216" t="s">
        <v>3633</v>
      </c>
      <c r="QPY1" s="216" t="s">
        <v>3633</v>
      </c>
      <c r="QPZ1" s="216" t="s">
        <v>3633</v>
      </c>
      <c r="QQA1" s="216" t="s">
        <v>3633</v>
      </c>
      <c r="QQB1" s="216" t="s">
        <v>3633</v>
      </c>
      <c r="QQC1" s="216" t="s">
        <v>3633</v>
      </c>
      <c r="QQD1" s="216" t="s">
        <v>3633</v>
      </c>
      <c r="QQE1" s="216" t="s">
        <v>3633</v>
      </c>
      <c r="QQF1" s="216" t="s">
        <v>3633</v>
      </c>
      <c r="QQG1" s="216" t="s">
        <v>3633</v>
      </c>
      <c r="QQH1" s="216" t="s">
        <v>3633</v>
      </c>
      <c r="QQI1" s="216" t="s">
        <v>3633</v>
      </c>
      <c r="QQJ1" s="216" t="s">
        <v>3633</v>
      </c>
      <c r="QQK1" s="216" t="s">
        <v>3633</v>
      </c>
      <c r="QQL1" s="216" t="s">
        <v>3633</v>
      </c>
      <c r="QQM1" s="216" t="s">
        <v>3633</v>
      </c>
      <c r="QQN1" s="216" t="s">
        <v>3633</v>
      </c>
      <c r="QQO1" s="216" t="s">
        <v>3633</v>
      </c>
      <c r="QQP1" s="216" t="s">
        <v>3633</v>
      </c>
      <c r="QQQ1" s="216" t="s">
        <v>3633</v>
      </c>
      <c r="QQR1" s="216" t="s">
        <v>3633</v>
      </c>
      <c r="QQS1" s="216" t="s">
        <v>3633</v>
      </c>
      <c r="QQT1" s="216" t="s">
        <v>3633</v>
      </c>
      <c r="QQU1" s="216" t="s">
        <v>3633</v>
      </c>
      <c r="QQV1" s="216" t="s">
        <v>3633</v>
      </c>
      <c r="QQW1" s="216" t="s">
        <v>3633</v>
      </c>
      <c r="QQX1" s="216" t="s">
        <v>3633</v>
      </c>
      <c r="QQY1" s="216" t="s">
        <v>3633</v>
      </c>
      <c r="QQZ1" s="216" t="s">
        <v>3633</v>
      </c>
      <c r="QRA1" s="216" t="s">
        <v>3633</v>
      </c>
      <c r="QRB1" s="216" t="s">
        <v>3633</v>
      </c>
      <c r="QRC1" s="216" t="s">
        <v>3633</v>
      </c>
      <c r="QRD1" s="216" t="s">
        <v>3633</v>
      </c>
      <c r="QRE1" s="216" t="s">
        <v>3633</v>
      </c>
      <c r="QRF1" s="216" t="s">
        <v>3633</v>
      </c>
      <c r="QRG1" s="216" t="s">
        <v>3633</v>
      </c>
      <c r="QRH1" s="216" t="s">
        <v>3633</v>
      </c>
      <c r="QRI1" s="216" t="s">
        <v>3633</v>
      </c>
      <c r="QRJ1" s="216" t="s">
        <v>3633</v>
      </c>
      <c r="QRK1" s="216" t="s">
        <v>3633</v>
      </c>
      <c r="QRL1" s="216" t="s">
        <v>3633</v>
      </c>
      <c r="QRM1" s="216" t="s">
        <v>3633</v>
      </c>
      <c r="QRN1" s="216" t="s">
        <v>3633</v>
      </c>
      <c r="QRO1" s="216" t="s">
        <v>3633</v>
      </c>
      <c r="QRP1" s="216" t="s">
        <v>3633</v>
      </c>
      <c r="QRQ1" s="216" t="s">
        <v>3633</v>
      </c>
      <c r="QRR1" s="216" t="s">
        <v>3633</v>
      </c>
      <c r="QRS1" s="216" t="s">
        <v>3633</v>
      </c>
      <c r="QRT1" s="216" t="s">
        <v>3633</v>
      </c>
      <c r="QRU1" s="216" t="s">
        <v>3633</v>
      </c>
      <c r="QRV1" s="216" t="s">
        <v>3633</v>
      </c>
      <c r="QRW1" s="216" t="s">
        <v>3633</v>
      </c>
      <c r="QRX1" s="216" t="s">
        <v>3633</v>
      </c>
      <c r="QRY1" s="216" t="s">
        <v>3633</v>
      </c>
      <c r="QRZ1" s="216" t="s">
        <v>3633</v>
      </c>
      <c r="QSA1" s="216" t="s">
        <v>3633</v>
      </c>
      <c r="QSB1" s="216" t="s">
        <v>3633</v>
      </c>
      <c r="QSC1" s="216" t="s">
        <v>3633</v>
      </c>
      <c r="QSD1" s="216" t="s">
        <v>3633</v>
      </c>
      <c r="QSE1" s="216" t="s">
        <v>3633</v>
      </c>
      <c r="QSF1" s="216" t="s">
        <v>3633</v>
      </c>
      <c r="QSG1" s="216" t="s">
        <v>3633</v>
      </c>
      <c r="QSH1" s="216" t="s">
        <v>3633</v>
      </c>
      <c r="QSI1" s="216" t="s">
        <v>3633</v>
      </c>
      <c r="QSJ1" s="216" t="s">
        <v>3633</v>
      </c>
      <c r="QSK1" s="216" t="s">
        <v>3633</v>
      </c>
      <c r="QSL1" s="216" t="s">
        <v>3633</v>
      </c>
      <c r="QSM1" s="216" t="s">
        <v>3633</v>
      </c>
      <c r="QSN1" s="216" t="s">
        <v>3633</v>
      </c>
      <c r="QSO1" s="216" t="s">
        <v>3633</v>
      </c>
      <c r="QSP1" s="216" t="s">
        <v>3633</v>
      </c>
      <c r="QSQ1" s="216" t="s">
        <v>3633</v>
      </c>
      <c r="QSR1" s="216" t="s">
        <v>3633</v>
      </c>
      <c r="QSS1" s="216" t="s">
        <v>3633</v>
      </c>
      <c r="QST1" s="216" t="s">
        <v>3633</v>
      </c>
      <c r="QSU1" s="216" t="s">
        <v>3633</v>
      </c>
      <c r="QSV1" s="216" t="s">
        <v>3633</v>
      </c>
      <c r="QSW1" s="216" t="s">
        <v>3633</v>
      </c>
      <c r="QSX1" s="216" t="s">
        <v>3633</v>
      </c>
      <c r="QSY1" s="216" t="s">
        <v>3633</v>
      </c>
      <c r="QSZ1" s="216" t="s">
        <v>3633</v>
      </c>
      <c r="QTA1" s="216" t="s">
        <v>3633</v>
      </c>
      <c r="QTB1" s="216" t="s">
        <v>3633</v>
      </c>
      <c r="QTC1" s="216" t="s">
        <v>3633</v>
      </c>
      <c r="QTD1" s="216" t="s">
        <v>3633</v>
      </c>
      <c r="QTE1" s="216" t="s">
        <v>3633</v>
      </c>
      <c r="QTF1" s="216" t="s">
        <v>3633</v>
      </c>
      <c r="QTG1" s="216" t="s">
        <v>3633</v>
      </c>
      <c r="QTH1" s="216" t="s">
        <v>3633</v>
      </c>
      <c r="QTI1" s="216" t="s">
        <v>3633</v>
      </c>
      <c r="QTJ1" s="216" t="s">
        <v>3633</v>
      </c>
      <c r="QTK1" s="216" t="s">
        <v>3633</v>
      </c>
      <c r="QTL1" s="216" t="s">
        <v>3633</v>
      </c>
      <c r="QTM1" s="216" t="s">
        <v>3633</v>
      </c>
      <c r="QTN1" s="216" t="s">
        <v>3633</v>
      </c>
      <c r="QTO1" s="216" t="s">
        <v>3633</v>
      </c>
      <c r="QTP1" s="216" t="s">
        <v>3633</v>
      </c>
      <c r="QTQ1" s="216" t="s">
        <v>3633</v>
      </c>
      <c r="QTR1" s="216" t="s">
        <v>3633</v>
      </c>
      <c r="QTS1" s="216" t="s">
        <v>3633</v>
      </c>
      <c r="QTT1" s="216" t="s">
        <v>3633</v>
      </c>
      <c r="QTU1" s="216" t="s">
        <v>3633</v>
      </c>
      <c r="QTV1" s="216" t="s">
        <v>3633</v>
      </c>
      <c r="QTW1" s="216" t="s">
        <v>3633</v>
      </c>
      <c r="QTX1" s="216" t="s">
        <v>3633</v>
      </c>
      <c r="QTY1" s="216" t="s">
        <v>3633</v>
      </c>
      <c r="QTZ1" s="216" t="s">
        <v>3633</v>
      </c>
      <c r="QUA1" s="216" t="s">
        <v>3633</v>
      </c>
      <c r="QUB1" s="216" t="s">
        <v>3633</v>
      </c>
      <c r="QUC1" s="216" t="s">
        <v>3633</v>
      </c>
      <c r="QUD1" s="216" t="s">
        <v>3633</v>
      </c>
      <c r="QUE1" s="216" t="s">
        <v>3633</v>
      </c>
      <c r="QUF1" s="216" t="s">
        <v>3633</v>
      </c>
      <c r="QUG1" s="216" t="s">
        <v>3633</v>
      </c>
      <c r="QUH1" s="216" t="s">
        <v>3633</v>
      </c>
      <c r="QUI1" s="216" t="s">
        <v>3633</v>
      </c>
      <c r="QUJ1" s="216" t="s">
        <v>3633</v>
      </c>
      <c r="QUK1" s="216" t="s">
        <v>3633</v>
      </c>
      <c r="QUL1" s="216" t="s">
        <v>3633</v>
      </c>
      <c r="QUM1" s="216" t="s">
        <v>3633</v>
      </c>
      <c r="QUN1" s="216" t="s">
        <v>3633</v>
      </c>
      <c r="QUO1" s="216" t="s">
        <v>3633</v>
      </c>
      <c r="QUP1" s="216" t="s">
        <v>3633</v>
      </c>
      <c r="QUQ1" s="216" t="s">
        <v>3633</v>
      </c>
      <c r="QUR1" s="216" t="s">
        <v>3633</v>
      </c>
      <c r="QUS1" s="216" t="s">
        <v>3633</v>
      </c>
      <c r="QUT1" s="216" t="s">
        <v>3633</v>
      </c>
      <c r="QUU1" s="216" t="s">
        <v>3633</v>
      </c>
      <c r="QUV1" s="216" t="s">
        <v>3633</v>
      </c>
      <c r="QUW1" s="216" t="s">
        <v>3633</v>
      </c>
      <c r="QUX1" s="216" t="s">
        <v>3633</v>
      </c>
      <c r="QUY1" s="216" t="s">
        <v>3633</v>
      </c>
      <c r="QUZ1" s="216" t="s">
        <v>3633</v>
      </c>
      <c r="QVA1" s="216" t="s">
        <v>3633</v>
      </c>
      <c r="QVB1" s="216" t="s">
        <v>3633</v>
      </c>
      <c r="QVC1" s="216" t="s">
        <v>3633</v>
      </c>
      <c r="QVD1" s="216" t="s">
        <v>3633</v>
      </c>
      <c r="QVE1" s="216" t="s">
        <v>3633</v>
      </c>
      <c r="QVF1" s="216" t="s">
        <v>3633</v>
      </c>
      <c r="QVG1" s="216" t="s">
        <v>3633</v>
      </c>
      <c r="QVH1" s="216" t="s">
        <v>3633</v>
      </c>
      <c r="QVI1" s="216" t="s">
        <v>3633</v>
      </c>
      <c r="QVJ1" s="216" t="s">
        <v>3633</v>
      </c>
      <c r="QVK1" s="216" t="s">
        <v>3633</v>
      </c>
      <c r="QVL1" s="216" t="s">
        <v>3633</v>
      </c>
      <c r="QVM1" s="216" t="s">
        <v>3633</v>
      </c>
      <c r="QVN1" s="216" t="s">
        <v>3633</v>
      </c>
      <c r="QVO1" s="216" t="s">
        <v>3633</v>
      </c>
      <c r="QVP1" s="216" t="s">
        <v>3633</v>
      </c>
      <c r="QVQ1" s="216" t="s">
        <v>3633</v>
      </c>
      <c r="QVR1" s="216" t="s">
        <v>3633</v>
      </c>
      <c r="QVS1" s="216" t="s">
        <v>3633</v>
      </c>
      <c r="QVT1" s="216" t="s">
        <v>3633</v>
      </c>
      <c r="QVU1" s="216" t="s">
        <v>3633</v>
      </c>
      <c r="QVV1" s="216" t="s">
        <v>3633</v>
      </c>
      <c r="QVW1" s="216" t="s">
        <v>3633</v>
      </c>
      <c r="QVX1" s="216" t="s">
        <v>3633</v>
      </c>
      <c r="QVY1" s="216" t="s">
        <v>3633</v>
      </c>
      <c r="QVZ1" s="216" t="s">
        <v>3633</v>
      </c>
      <c r="QWA1" s="216" t="s">
        <v>3633</v>
      </c>
      <c r="QWB1" s="216" t="s">
        <v>3633</v>
      </c>
      <c r="QWC1" s="216" t="s">
        <v>3633</v>
      </c>
      <c r="QWD1" s="216" t="s">
        <v>3633</v>
      </c>
      <c r="QWE1" s="216" t="s">
        <v>3633</v>
      </c>
      <c r="QWF1" s="216" t="s">
        <v>3633</v>
      </c>
      <c r="QWG1" s="216" t="s">
        <v>3633</v>
      </c>
      <c r="QWH1" s="216" t="s">
        <v>3633</v>
      </c>
      <c r="QWI1" s="216" t="s">
        <v>3633</v>
      </c>
      <c r="QWJ1" s="216" t="s">
        <v>3633</v>
      </c>
      <c r="QWK1" s="216" t="s">
        <v>3633</v>
      </c>
      <c r="QWL1" s="216" t="s">
        <v>3633</v>
      </c>
      <c r="QWM1" s="216" t="s">
        <v>3633</v>
      </c>
      <c r="QWN1" s="216" t="s">
        <v>3633</v>
      </c>
      <c r="QWO1" s="216" t="s">
        <v>3633</v>
      </c>
      <c r="QWP1" s="216" t="s">
        <v>3633</v>
      </c>
      <c r="QWQ1" s="216" t="s">
        <v>3633</v>
      </c>
      <c r="QWR1" s="216" t="s">
        <v>3633</v>
      </c>
      <c r="QWS1" s="216" t="s">
        <v>3633</v>
      </c>
      <c r="QWT1" s="216" t="s">
        <v>3633</v>
      </c>
      <c r="QWU1" s="216" t="s">
        <v>3633</v>
      </c>
      <c r="QWV1" s="216" t="s">
        <v>3633</v>
      </c>
      <c r="QWW1" s="216" t="s">
        <v>3633</v>
      </c>
      <c r="QWX1" s="216" t="s">
        <v>3633</v>
      </c>
      <c r="QWY1" s="216" t="s">
        <v>3633</v>
      </c>
      <c r="QWZ1" s="216" t="s">
        <v>3633</v>
      </c>
      <c r="QXA1" s="216" t="s">
        <v>3633</v>
      </c>
      <c r="QXB1" s="216" t="s">
        <v>3633</v>
      </c>
      <c r="QXC1" s="216" t="s">
        <v>3633</v>
      </c>
      <c r="QXD1" s="216" t="s">
        <v>3633</v>
      </c>
      <c r="QXE1" s="216" t="s">
        <v>3633</v>
      </c>
      <c r="QXF1" s="216" t="s">
        <v>3633</v>
      </c>
      <c r="QXG1" s="216" t="s">
        <v>3633</v>
      </c>
      <c r="QXH1" s="216" t="s">
        <v>3633</v>
      </c>
      <c r="QXI1" s="216" t="s">
        <v>3633</v>
      </c>
      <c r="QXJ1" s="216" t="s">
        <v>3633</v>
      </c>
      <c r="QXK1" s="216" t="s">
        <v>3633</v>
      </c>
      <c r="QXL1" s="216" t="s">
        <v>3633</v>
      </c>
      <c r="QXM1" s="216" t="s">
        <v>3633</v>
      </c>
      <c r="QXN1" s="216" t="s">
        <v>3633</v>
      </c>
      <c r="QXO1" s="216" t="s">
        <v>3633</v>
      </c>
      <c r="QXP1" s="216" t="s">
        <v>3633</v>
      </c>
      <c r="QXQ1" s="216" t="s">
        <v>3633</v>
      </c>
      <c r="QXR1" s="216" t="s">
        <v>3633</v>
      </c>
      <c r="QXS1" s="216" t="s">
        <v>3633</v>
      </c>
      <c r="QXT1" s="216" t="s">
        <v>3633</v>
      </c>
      <c r="QXU1" s="216" t="s">
        <v>3633</v>
      </c>
      <c r="QXV1" s="216" t="s">
        <v>3633</v>
      </c>
      <c r="QXW1" s="216" t="s">
        <v>3633</v>
      </c>
      <c r="QXX1" s="216" t="s">
        <v>3633</v>
      </c>
      <c r="QXY1" s="216" t="s">
        <v>3633</v>
      </c>
      <c r="QXZ1" s="216" t="s">
        <v>3633</v>
      </c>
      <c r="QYA1" s="216" t="s">
        <v>3633</v>
      </c>
      <c r="QYB1" s="216" t="s">
        <v>3633</v>
      </c>
      <c r="QYC1" s="216" t="s">
        <v>3633</v>
      </c>
      <c r="QYD1" s="216" t="s">
        <v>3633</v>
      </c>
      <c r="QYE1" s="216" t="s">
        <v>3633</v>
      </c>
      <c r="QYF1" s="216" t="s">
        <v>3633</v>
      </c>
      <c r="QYG1" s="216" t="s">
        <v>3633</v>
      </c>
      <c r="QYH1" s="216" t="s">
        <v>3633</v>
      </c>
      <c r="QYI1" s="216" t="s">
        <v>3633</v>
      </c>
      <c r="QYJ1" s="216" t="s">
        <v>3633</v>
      </c>
      <c r="QYK1" s="216" t="s">
        <v>3633</v>
      </c>
      <c r="QYL1" s="216" t="s">
        <v>3633</v>
      </c>
      <c r="QYM1" s="216" t="s">
        <v>3633</v>
      </c>
      <c r="QYN1" s="216" t="s">
        <v>3633</v>
      </c>
      <c r="QYO1" s="216" t="s">
        <v>3633</v>
      </c>
      <c r="QYP1" s="216" t="s">
        <v>3633</v>
      </c>
      <c r="QYQ1" s="216" t="s">
        <v>3633</v>
      </c>
      <c r="QYR1" s="216" t="s">
        <v>3633</v>
      </c>
      <c r="QYS1" s="216" t="s">
        <v>3633</v>
      </c>
      <c r="QYT1" s="216" t="s">
        <v>3633</v>
      </c>
      <c r="QYU1" s="216" t="s">
        <v>3633</v>
      </c>
      <c r="QYV1" s="216" t="s">
        <v>3633</v>
      </c>
      <c r="QYW1" s="216" t="s">
        <v>3633</v>
      </c>
      <c r="QYX1" s="216" t="s">
        <v>3633</v>
      </c>
      <c r="QYY1" s="216" t="s">
        <v>3633</v>
      </c>
      <c r="QYZ1" s="216" t="s">
        <v>3633</v>
      </c>
      <c r="QZA1" s="216" t="s">
        <v>3633</v>
      </c>
      <c r="QZB1" s="216" t="s">
        <v>3633</v>
      </c>
      <c r="QZC1" s="216" t="s">
        <v>3633</v>
      </c>
      <c r="QZD1" s="216" t="s">
        <v>3633</v>
      </c>
      <c r="QZE1" s="216" t="s">
        <v>3633</v>
      </c>
      <c r="QZF1" s="216" t="s">
        <v>3633</v>
      </c>
      <c r="QZG1" s="216" t="s">
        <v>3633</v>
      </c>
      <c r="QZH1" s="216" t="s">
        <v>3633</v>
      </c>
      <c r="QZI1" s="216" t="s">
        <v>3633</v>
      </c>
      <c r="QZJ1" s="216" t="s">
        <v>3633</v>
      </c>
      <c r="QZK1" s="216" t="s">
        <v>3633</v>
      </c>
      <c r="QZL1" s="216" t="s">
        <v>3633</v>
      </c>
      <c r="QZM1" s="216" t="s">
        <v>3633</v>
      </c>
      <c r="QZN1" s="216" t="s">
        <v>3633</v>
      </c>
      <c r="QZO1" s="216" t="s">
        <v>3633</v>
      </c>
      <c r="QZP1" s="216" t="s">
        <v>3633</v>
      </c>
      <c r="QZQ1" s="216" t="s">
        <v>3633</v>
      </c>
      <c r="QZR1" s="216" t="s">
        <v>3633</v>
      </c>
      <c r="QZS1" s="216" t="s">
        <v>3633</v>
      </c>
      <c r="QZT1" s="216" t="s">
        <v>3633</v>
      </c>
      <c r="QZU1" s="216" t="s">
        <v>3633</v>
      </c>
      <c r="QZV1" s="216" t="s">
        <v>3633</v>
      </c>
      <c r="QZW1" s="216" t="s">
        <v>3633</v>
      </c>
      <c r="QZX1" s="216" t="s">
        <v>3633</v>
      </c>
      <c r="QZY1" s="216" t="s">
        <v>3633</v>
      </c>
      <c r="QZZ1" s="216" t="s">
        <v>3633</v>
      </c>
      <c r="RAA1" s="216" t="s">
        <v>3633</v>
      </c>
      <c r="RAB1" s="216" t="s">
        <v>3633</v>
      </c>
      <c r="RAC1" s="216" t="s">
        <v>3633</v>
      </c>
      <c r="RAD1" s="216" t="s">
        <v>3633</v>
      </c>
      <c r="RAE1" s="216" t="s">
        <v>3633</v>
      </c>
      <c r="RAF1" s="216" t="s">
        <v>3633</v>
      </c>
      <c r="RAG1" s="216" t="s">
        <v>3633</v>
      </c>
      <c r="RAH1" s="216" t="s">
        <v>3633</v>
      </c>
      <c r="RAI1" s="216" t="s">
        <v>3633</v>
      </c>
      <c r="RAJ1" s="216" t="s">
        <v>3633</v>
      </c>
      <c r="RAK1" s="216" t="s">
        <v>3633</v>
      </c>
      <c r="RAL1" s="216" t="s">
        <v>3633</v>
      </c>
      <c r="RAM1" s="216" t="s">
        <v>3633</v>
      </c>
      <c r="RAN1" s="216" t="s">
        <v>3633</v>
      </c>
      <c r="RAO1" s="216" t="s">
        <v>3633</v>
      </c>
      <c r="RAP1" s="216" t="s">
        <v>3633</v>
      </c>
      <c r="RAQ1" s="216" t="s">
        <v>3633</v>
      </c>
      <c r="RAR1" s="216" t="s">
        <v>3633</v>
      </c>
      <c r="RAS1" s="216" t="s">
        <v>3633</v>
      </c>
      <c r="RAT1" s="216" t="s">
        <v>3633</v>
      </c>
      <c r="RAU1" s="216" t="s">
        <v>3633</v>
      </c>
      <c r="RAV1" s="216" t="s">
        <v>3633</v>
      </c>
      <c r="RAW1" s="216" t="s">
        <v>3633</v>
      </c>
      <c r="RAX1" s="216" t="s">
        <v>3633</v>
      </c>
      <c r="RAY1" s="216" t="s">
        <v>3633</v>
      </c>
      <c r="RAZ1" s="216" t="s">
        <v>3633</v>
      </c>
      <c r="RBA1" s="216" t="s">
        <v>3633</v>
      </c>
      <c r="RBB1" s="216" t="s">
        <v>3633</v>
      </c>
      <c r="RBC1" s="216" t="s">
        <v>3633</v>
      </c>
      <c r="RBD1" s="216" t="s">
        <v>3633</v>
      </c>
      <c r="RBE1" s="216" t="s">
        <v>3633</v>
      </c>
      <c r="RBF1" s="216" t="s">
        <v>3633</v>
      </c>
      <c r="RBG1" s="216" t="s">
        <v>3633</v>
      </c>
      <c r="RBH1" s="216" t="s">
        <v>3633</v>
      </c>
      <c r="RBI1" s="216" t="s">
        <v>3633</v>
      </c>
      <c r="RBJ1" s="216" t="s">
        <v>3633</v>
      </c>
      <c r="RBK1" s="216" t="s">
        <v>3633</v>
      </c>
      <c r="RBL1" s="216" t="s">
        <v>3633</v>
      </c>
      <c r="RBM1" s="216" t="s">
        <v>3633</v>
      </c>
      <c r="RBN1" s="216" t="s">
        <v>3633</v>
      </c>
      <c r="RBO1" s="216" t="s">
        <v>3633</v>
      </c>
      <c r="RBP1" s="216" t="s">
        <v>3633</v>
      </c>
      <c r="RBQ1" s="216" t="s">
        <v>3633</v>
      </c>
      <c r="RBR1" s="216" t="s">
        <v>3633</v>
      </c>
      <c r="RBS1" s="216" t="s">
        <v>3633</v>
      </c>
      <c r="RBT1" s="216" t="s">
        <v>3633</v>
      </c>
      <c r="RBU1" s="216" t="s">
        <v>3633</v>
      </c>
      <c r="RBV1" s="216" t="s">
        <v>3633</v>
      </c>
      <c r="RBW1" s="216" t="s">
        <v>3633</v>
      </c>
      <c r="RBX1" s="216" t="s">
        <v>3633</v>
      </c>
      <c r="RBY1" s="216" t="s">
        <v>3633</v>
      </c>
      <c r="RBZ1" s="216" t="s">
        <v>3633</v>
      </c>
      <c r="RCA1" s="216" t="s">
        <v>3633</v>
      </c>
      <c r="RCB1" s="216" t="s">
        <v>3633</v>
      </c>
      <c r="RCC1" s="216" t="s">
        <v>3633</v>
      </c>
      <c r="RCD1" s="216" t="s">
        <v>3633</v>
      </c>
      <c r="RCE1" s="216" t="s">
        <v>3633</v>
      </c>
      <c r="RCF1" s="216" t="s">
        <v>3633</v>
      </c>
      <c r="RCG1" s="216" t="s">
        <v>3633</v>
      </c>
      <c r="RCH1" s="216" t="s">
        <v>3633</v>
      </c>
      <c r="RCI1" s="216" t="s">
        <v>3633</v>
      </c>
      <c r="RCJ1" s="216" t="s">
        <v>3633</v>
      </c>
      <c r="RCK1" s="216" t="s">
        <v>3633</v>
      </c>
      <c r="RCL1" s="216" t="s">
        <v>3633</v>
      </c>
      <c r="RCM1" s="216" t="s">
        <v>3633</v>
      </c>
      <c r="RCN1" s="216" t="s">
        <v>3633</v>
      </c>
      <c r="RCO1" s="216" t="s">
        <v>3633</v>
      </c>
      <c r="RCP1" s="216" t="s">
        <v>3633</v>
      </c>
      <c r="RCQ1" s="216" t="s">
        <v>3633</v>
      </c>
      <c r="RCR1" s="216" t="s">
        <v>3633</v>
      </c>
      <c r="RCS1" s="216" t="s">
        <v>3633</v>
      </c>
      <c r="RCT1" s="216" t="s">
        <v>3633</v>
      </c>
      <c r="RCU1" s="216" t="s">
        <v>3633</v>
      </c>
      <c r="RCV1" s="216" t="s">
        <v>3633</v>
      </c>
      <c r="RCW1" s="216" t="s">
        <v>3633</v>
      </c>
      <c r="RCX1" s="216" t="s">
        <v>3633</v>
      </c>
      <c r="RCY1" s="216" t="s">
        <v>3633</v>
      </c>
      <c r="RCZ1" s="216" t="s">
        <v>3633</v>
      </c>
      <c r="RDA1" s="216" t="s">
        <v>3633</v>
      </c>
      <c r="RDB1" s="216" t="s">
        <v>3633</v>
      </c>
      <c r="RDC1" s="216" t="s">
        <v>3633</v>
      </c>
      <c r="RDD1" s="216" t="s">
        <v>3633</v>
      </c>
      <c r="RDE1" s="216" t="s">
        <v>3633</v>
      </c>
      <c r="RDF1" s="216" t="s">
        <v>3633</v>
      </c>
      <c r="RDG1" s="216" t="s">
        <v>3633</v>
      </c>
      <c r="RDH1" s="216" t="s">
        <v>3633</v>
      </c>
      <c r="RDI1" s="216" t="s">
        <v>3633</v>
      </c>
      <c r="RDJ1" s="216" t="s">
        <v>3633</v>
      </c>
      <c r="RDK1" s="216" t="s">
        <v>3633</v>
      </c>
      <c r="RDL1" s="216" t="s">
        <v>3633</v>
      </c>
      <c r="RDM1" s="216" t="s">
        <v>3633</v>
      </c>
      <c r="RDN1" s="216" t="s">
        <v>3633</v>
      </c>
      <c r="RDO1" s="216" t="s">
        <v>3633</v>
      </c>
      <c r="RDP1" s="216" t="s">
        <v>3633</v>
      </c>
      <c r="RDQ1" s="216" t="s">
        <v>3633</v>
      </c>
      <c r="RDR1" s="216" t="s">
        <v>3633</v>
      </c>
      <c r="RDS1" s="216" t="s">
        <v>3633</v>
      </c>
      <c r="RDT1" s="216" t="s">
        <v>3633</v>
      </c>
      <c r="RDU1" s="216" t="s">
        <v>3633</v>
      </c>
      <c r="RDV1" s="216" t="s">
        <v>3633</v>
      </c>
      <c r="RDW1" s="216" t="s">
        <v>3633</v>
      </c>
      <c r="RDX1" s="216" t="s">
        <v>3633</v>
      </c>
      <c r="RDY1" s="216" t="s">
        <v>3633</v>
      </c>
      <c r="RDZ1" s="216" t="s">
        <v>3633</v>
      </c>
      <c r="REA1" s="216" t="s">
        <v>3633</v>
      </c>
      <c r="REB1" s="216" t="s">
        <v>3633</v>
      </c>
      <c r="REC1" s="216" t="s">
        <v>3633</v>
      </c>
      <c r="RED1" s="216" t="s">
        <v>3633</v>
      </c>
      <c r="REE1" s="216" t="s">
        <v>3633</v>
      </c>
      <c r="REF1" s="216" t="s">
        <v>3633</v>
      </c>
      <c r="REG1" s="216" t="s">
        <v>3633</v>
      </c>
      <c r="REH1" s="216" t="s">
        <v>3633</v>
      </c>
      <c r="REI1" s="216" t="s">
        <v>3633</v>
      </c>
      <c r="REJ1" s="216" t="s">
        <v>3633</v>
      </c>
      <c r="REK1" s="216" t="s">
        <v>3633</v>
      </c>
      <c r="REL1" s="216" t="s">
        <v>3633</v>
      </c>
      <c r="REM1" s="216" t="s">
        <v>3633</v>
      </c>
      <c r="REN1" s="216" t="s">
        <v>3633</v>
      </c>
      <c r="REO1" s="216" t="s">
        <v>3633</v>
      </c>
      <c r="REP1" s="216" t="s">
        <v>3633</v>
      </c>
      <c r="REQ1" s="216" t="s">
        <v>3633</v>
      </c>
      <c r="RER1" s="216" t="s">
        <v>3633</v>
      </c>
      <c r="RES1" s="216" t="s">
        <v>3633</v>
      </c>
      <c r="RET1" s="216" t="s">
        <v>3633</v>
      </c>
      <c r="REU1" s="216" t="s">
        <v>3633</v>
      </c>
      <c r="REV1" s="216" t="s">
        <v>3633</v>
      </c>
      <c r="REW1" s="216" t="s">
        <v>3633</v>
      </c>
      <c r="REX1" s="216" t="s">
        <v>3633</v>
      </c>
      <c r="REY1" s="216" t="s">
        <v>3633</v>
      </c>
      <c r="REZ1" s="216" t="s">
        <v>3633</v>
      </c>
      <c r="RFA1" s="216" t="s">
        <v>3633</v>
      </c>
      <c r="RFB1" s="216" t="s">
        <v>3633</v>
      </c>
      <c r="RFC1" s="216" t="s">
        <v>3633</v>
      </c>
      <c r="RFD1" s="216" t="s">
        <v>3633</v>
      </c>
      <c r="RFE1" s="216" t="s">
        <v>3633</v>
      </c>
      <c r="RFF1" s="216" t="s">
        <v>3633</v>
      </c>
      <c r="RFG1" s="216" t="s">
        <v>3633</v>
      </c>
      <c r="RFH1" s="216" t="s">
        <v>3633</v>
      </c>
      <c r="RFI1" s="216" t="s">
        <v>3633</v>
      </c>
      <c r="RFJ1" s="216" t="s">
        <v>3633</v>
      </c>
      <c r="RFK1" s="216" t="s">
        <v>3633</v>
      </c>
      <c r="RFL1" s="216" t="s">
        <v>3633</v>
      </c>
      <c r="RFM1" s="216" t="s">
        <v>3633</v>
      </c>
      <c r="RFN1" s="216" t="s">
        <v>3633</v>
      </c>
      <c r="RFO1" s="216" t="s">
        <v>3633</v>
      </c>
      <c r="RFP1" s="216" t="s">
        <v>3633</v>
      </c>
      <c r="RFQ1" s="216" t="s">
        <v>3633</v>
      </c>
      <c r="RFR1" s="216" t="s">
        <v>3633</v>
      </c>
      <c r="RFS1" s="216" t="s">
        <v>3633</v>
      </c>
      <c r="RFT1" s="216" t="s">
        <v>3633</v>
      </c>
      <c r="RFU1" s="216" t="s">
        <v>3633</v>
      </c>
      <c r="RFV1" s="216" t="s">
        <v>3633</v>
      </c>
      <c r="RFW1" s="216" t="s">
        <v>3633</v>
      </c>
      <c r="RFX1" s="216" t="s">
        <v>3633</v>
      </c>
      <c r="RFY1" s="216" t="s">
        <v>3633</v>
      </c>
      <c r="RFZ1" s="216" t="s">
        <v>3633</v>
      </c>
      <c r="RGA1" s="216" t="s">
        <v>3633</v>
      </c>
      <c r="RGB1" s="216" t="s">
        <v>3633</v>
      </c>
      <c r="RGC1" s="216" t="s">
        <v>3633</v>
      </c>
      <c r="RGD1" s="216" t="s">
        <v>3633</v>
      </c>
      <c r="RGE1" s="216" t="s">
        <v>3633</v>
      </c>
      <c r="RGF1" s="216" t="s">
        <v>3633</v>
      </c>
      <c r="RGG1" s="216" t="s">
        <v>3633</v>
      </c>
      <c r="RGH1" s="216" t="s">
        <v>3633</v>
      </c>
      <c r="RGI1" s="216" t="s">
        <v>3633</v>
      </c>
      <c r="RGJ1" s="216" t="s">
        <v>3633</v>
      </c>
      <c r="RGK1" s="216" t="s">
        <v>3633</v>
      </c>
      <c r="RGL1" s="216" t="s">
        <v>3633</v>
      </c>
      <c r="RGM1" s="216" t="s">
        <v>3633</v>
      </c>
      <c r="RGN1" s="216" t="s">
        <v>3633</v>
      </c>
      <c r="RGO1" s="216" t="s">
        <v>3633</v>
      </c>
      <c r="RGP1" s="216" t="s">
        <v>3633</v>
      </c>
      <c r="RGQ1" s="216" t="s">
        <v>3633</v>
      </c>
      <c r="RGR1" s="216" t="s">
        <v>3633</v>
      </c>
      <c r="RGS1" s="216" t="s">
        <v>3633</v>
      </c>
      <c r="RGT1" s="216" t="s">
        <v>3633</v>
      </c>
      <c r="RGU1" s="216" t="s">
        <v>3633</v>
      </c>
      <c r="RGV1" s="216" t="s">
        <v>3633</v>
      </c>
      <c r="RGW1" s="216" t="s">
        <v>3633</v>
      </c>
      <c r="RGX1" s="216" t="s">
        <v>3633</v>
      </c>
      <c r="RGY1" s="216" t="s">
        <v>3633</v>
      </c>
      <c r="RGZ1" s="216" t="s">
        <v>3633</v>
      </c>
      <c r="RHA1" s="216" t="s">
        <v>3633</v>
      </c>
      <c r="RHB1" s="216" t="s">
        <v>3633</v>
      </c>
      <c r="RHC1" s="216" t="s">
        <v>3633</v>
      </c>
      <c r="RHD1" s="216" t="s">
        <v>3633</v>
      </c>
      <c r="RHE1" s="216" t="s">
        <v>3633</v>
      </c>
      <c r="RHF1" s="216" t="s">
        <v>3633</v>
      </c>
      <c r="RHG1" s="216" t="s">
        <v>3633</v>
      </c>
      <c r="RHH1" s="216" t="s">
        <v>3633</v>
      </c>
      <c r="RHI1" s="216" t="s">
        <v>3633</v>
      </c>
      <c r="RHJ1" s="216" t="s">
        <v>3633</v>
      </c>
      <c r="RHK1" s="216" t="s">
        <v>3633</v>
      </c>
      <c r="RHL1" s="216" t="s">
        <v>3633</v>
      </c>
      <c r="RHM1" s="216" t="s">
        <v>3633</v>
      </c>
      <c r="RHN1" s="216" t="s">
        <v>3633</v>
      </c>
      <c r="RHO1" s="216" t="s">
        <v>3633</v>
      </c>
      <c r="RHP1" s="216" t="s">
        <v>3633</v>
      </c>
      <c r="RHQ1" s="216" t="s">
        <v>3633</v>
      </c>
      <c r="RHR1" s="216" t="s">
        <v>3633</v>
      </c>
      <c r="RHS1" s="216" t="s">
        <v>3633</v>
      </c>
      <c r="RHT1" s="216" t="s">
        <v>3633</v>
      </c>
      <c r="RHU1" s="216" t="s">
        <v>3633</v>
      </c>
      <c r="RHV1" s="216" t="s">
        <v>3633</v>
      </c>
      <c r="RHW1" s="216" t="s">
        <v>3633</v>
      </c>
      <c r="RHX1" s="216" t="s">
        <v>3633</v>
      </c>
      <c r="RHY1" s="216" t="s">
        <v>3633</v>
      </c>
      <c r="RHZ1" s="216" t="s">
        <v>3633</v>
      </c>
      <c r="RIA1" s="216" t="s">
        <v>3633</v>
      </c>
      <c r="RIB1" s="216" t="s">
        <v>3633</v>
      </c>
      <c r="RIC1" s="216" t="s">
        <v>3633</v>
      </c>
      <c r="RID1" s="216" t="s">
        <v>3633</v>
      </c>
      <c r="RIE1" s="216" t="s">
        <v>3633</v>
      </c>
      <c r="RIF1" s="216" t="s">
        <v>3633</v>
      </c>
      <c r="RIG1" s="216" t="s">
        <v>3633</v>
      </c>
      <c r="RIH1" s="216" t="s">
        <v>3633</v>
      </c>
      <c r="RII1" s="216" t="s">
        <v>3633</v>
      </c>
      <c r="RIJ1" s="216" t="s">
        <v>3633</v>
      </c>
      <c r="RIK1" s="216" t="s">
        <v>3633</v>
      </c>
      <c r="RIL1" s="216" t="s">
        <v>3633</v>
      </c>
      <c r="RIM1" s="216" t="s">
        <v>3633</v>
      </c>
      <c r="RIN1" s="216" t="s">
        <v>3633</v>
      </c>
      <c r="RIO1" s="216" t="s">
        <v>3633</v>
      </c>
      <c r="RIP1" s="216" t="s">
        <v>3633</v>
      </c>
      <c r="RIQ1" s="216" t="s">
        <v>3633</v>
      </c>
      <c r="RIR1" s="216" t="s">
        <v>3633</v>
      </c>
      <c r="RIS1" s="216" t="s">
        <v>3633</v>
      </c>
      <c r="RIT1" s="216" t="s">
        <v>3633</v>
      </c>
      <c r="RIU1" s="216" t="s">
        <v>3633</v>
      </c>
      <c r="RIV1" s="216" t="s">
        <v>3633</v>
      </c>
      <c r="RIW1" s="216" t="s">
        <v>3633</v>
      </c>
      <c r="RIX1" s="216" t="s">
        <v>3633</v>
      </c>
      <c r="RIY1" s="216" t="s">
        <v>3633</v>
      </c>
      <c r="RIZ1" s="216" t="s">
        <v>3633</v>
      </c>
      <c r="RJA1" s="216" t="s">
        <v>3633</v>
      </c>
      <c r="RJB1" s="216" t="s">
        <v>3633</v>
      </c>
      <c r="RJC1" s="216" t="s">
        <v>3633</v>
      </c>
      <c r="RJD1" s="216" t="s">
        <v>3633</v>
      </c>
      <c r="RJE1" s="216" t="s">
        <v>3633</v>
      </c>
      <c r="RJF1" s="216" t="s">
        <v>3633</v>
      </c>
      <c r="RJG1" s="216" t="s">
        <v>3633</v>
      </c>
      <c r="RJH1" s="216" t="s">
        <v>3633</v>
      </c>
      <c r="RJI1" s="216" t="s">
        <v>3633</v>
      </c>
      <c r="RJJ1" s="216" t="s">
        <v>3633</v>
      </c>
      <c r="RJK1" s="216" t="s">
        <v>3633</v>
      </c>
      <c r="RJL1" s="216" t="s">
        <v>3633</v>
      </c>
      <c r="RJM1" s="216" t="s">
        <v>3633</v>
      </c>
      <c r="RJN1" s="216" t="s">
        <v>3633</v>
      </c>
      <c r="RJO1" s="216" t="s">
        <v>3633</v>
      </c>
      <c r="RJP1" s="216" t="s">
        <v>3633</v>
      </c>
      <c r="RJQ1" s="216" t="s">
        <v>3633</v>
      </c>
      <c r="RJR1" s="216" t="s">
        <v>3633</v>
      </c>
      <c r="RJS1" s="216" t="s">
        <v>3633</v>
      </c>
      <c r="RJT1" s="216" t="s">
        <v>3633</v>
      </c>
      <c r="RJU1" s="216" t="s">
        <v>3633</v>
      </c>
      <c r="RJV1" s="216" t="s">
        <v>3633</v>
      </c>
      <c r="RJW1" s="216" t="s">
        <v>3633</v>
      </c>
      <c r="RJX1" s="216" t="s">
        <v>3633</v>
      </c>
      <c r="RJY1" s="216" t="s">
        <v>3633</v>
      </c>
      <c r="RJZ1" s="216" t="s">
        <v>3633</v>
      </c>
      <c r="RKA1" s="216" t="s">
        <v>3633</v>
      </c>
      <c r="RKB1" s="216" t="s">
        <v>3633</v>
      </c>
      <c r="RKC1" s="216" t="s">
        <v>3633</v>
      </c>
      <c r="RKD1" s="216" t="s">
        <v>3633</v>
      </c>
      <c r="RKE1" s="216" t="s">
        <v>3633</v>
      </c>
      <c r="RKF1" s="216" t="s">
        <v>3633</v>
      </c>
      <c r="RKG1" s="216" t="s">
        <v>3633</v>
      </c>
      <c r="RKH1" s="216" t="s">
        <v>3633</v>
      </c>
      <c r="RKI1" s="216" t="s">
        <v>3633</v>
      </c>
      <c r="RKJ1" s="216" t="s">
        <v>3633</v>
      </c>
      <c r="RKK1" s="216" t="s">
        <v>3633</v>
      </c>
      <c r="RKL1" s="216" t="s">
        <v>3633</v>
      </c>
      <c r="RKM1" s="216" t="s">
        <v>3633</v>
      </c>
      <c r="RKN1" s="216" t="s">
        <v>3633</v>
      </c>
      <c r="RKO1" s="216" t="s">
        <v>3633</v>
      </c>
      <c r="RKP1" s="216" t="s">
        <v>3633</v>
      </c>
      <c r="RKQ1" s="216" t="s">
        <v>3633</v>
      </c>
      <c r="RKR1" s="216" t="s">
        <v>3633</v>
      </c>
      <c r="RKS1" s="216" t="s">
        <v>3633</v>
      </c>
      <c r="RKT1" s="216" t="s">
        <v>3633</v>
      </c>
      <c r="RKU1" s="216" t="s">
        <v>3633</v>
      </c>
      <c r="RKV1" s="216" t="s">
        <v>3633</v>
      </c>
      <c r="RKW1" s="216" t="s">
        <v>3633</v>
      </c>
      <c r="RKX1" s="216" t="s">
        <v>3633</v>
      </c>
      <c r="RKY1" s="216" t="s">
        <v>3633</v>
      </c>
      <c r="RKZ1" s="216" t="s">
        <v>3633</v>
      </c>
      <c r="RLA1" s="216" t="s">
        <v>3633</v>
      </c>
      <c r="RLB1" s="216" t="s">
        <v>3633</v>
      </c>
      <c r="RLC1" s="216" t="s">
        <v>3633</v>
      </c>
      <c r="RLD1" s="216" t="s">
        <v>3633</v>
      </c>
      <c r="RLE1" s="216" t="s">
        <v>3633</v>
      </c>
      <c r="RLF1" s="216" t="s">
        <v>3633</v>
      </c>
      <c r="RLG1" s="216" t="s">
        <v>3633</v>
      </c>
      <c r="RLH1" s="216" t="s">
        <v>3633</v>
      </c>
      <c r="RLI1" s="216" t="s">
        <v>3633</v>
      </c>
      <c r="RLJ1" s="216" t="s">
        <v>3633</v>
      </c>
      <c r="RLK1" s="216" t="s">
        <v>3633</v>
      </c>
      <c r="RLL1" s="216" t="s">
        <v>3633</v>
      </c>
      <c r="RLM1" s="216" t="s">
        <v>3633</v>
      </c>
      <c r="RLN1" s="216" t="s">
        <v>3633</v>
      </c>
      <c r="RLO1" s="216" t="s">
        <v>3633</v>
      </c>
      <c r="RLP1" s="216" t="s">
        <v>3633</v>
      </c>
      <c r="RLQ1" s="216" t="s">
        <v>3633</v>
      </c>
      <c r="RLR1" s="216" t="s">
        <v>3633</v>
      </c>
      <c r="RLS1" s="216" t="s">
        <v>3633</v>
      </c>
      <c r="RLT1" s="216" t="s">
        <v>3633</v>
      </c>
      <c r="RLU1" s="216" t="s">
        <v>3633</v>
      </c>
      <c r="RLV1" s="216" t="s">
        <v>3633</v>
      </c>
      <c r="RLW1" s="216" t="s">
        <v>3633</v>
      </c>
      <c r="RLX1" s="216" t="s">
        <v>3633</v>
      </c>
      <c r="RLY1" s="216" t="s">
        <v>3633</v>
      </c>
      <c r="RLZ1" s="216" t="s">
        <v>3633</v>
      </c>
      <c r="RMA1" s="216" t="s">
        <v>3633</v>
      </c>
      <c r="RMB1" s="216" t="s">
        <v>3633</v>
      </c>
      <c r="RMC1" s="216" t="s">
        <v>3633</v>
      </c>
      <c r="RMD1" s="216" t="s">
        <v>3633</v>
      </c>
      <c r="RME1" s="216" t="s">
        <v>3633</v>
      </c>
      <c r="RMF1" s="216" t="s">
        <v>3633</v>
      </c>
      <c r="RMG1" s="216" t="s">
        <v>3633</v>
      </c>
      <c r="RMH1" s="216" t="s">
        <v>3633</v>
      </c>
      <c r="RMI1" s="216" t="s">
        <v>3633</v>
      </c>
      <c r="RMJ1" s="216" t="s">
        <v>3633</v>
      </c>
      <c r="RMK1" s="216" t="s">
        <v>3633</v>
      </c>
      <c r="RML1" s="216" t="s">
        <v>3633</v>
      </c>
      <c r="RMM1" s="216" t="s">
        <v>3633</v>
      </c>
      <c r="RMN1" s="216" t="s">
        <v>3633</v>
      </c>
      <c r="RMO1" s="216" t="s">
        <v>3633</v>
      </c>
      <c r="RMP1" s="216" t="s">
        <v>3633</v>
      </c>
      <c r="RMQ1" s="216" t="s">
        <v>3633</v>
      </c>
      <c r="RMR1" s="216" t="s">
        <v>3633</v>
      </c>
      <c r="RMS1" s="216" t="s">
        <v>3633</v>
      </c>
      <c r="RMT1" s="216" t="s">
        <v>3633</v>
      </c>
      <c r="RMU1" s="216" t="s">
        <v>3633</v>
      </c>
      <c r="RMV1" s="216" t="s">
        <v>3633</v>
      </c>
      <c r="RMW1" s="216" t="s">
        <v>3633</v>
      </c>
      <c r="RMX1" s="216" t="s">
        <v>3633</v>
      </c>
      <c r="RMY1" s="216" t="s">
        <v>3633</v>
      </c>
      <c r="RMZ1" s="216" t="s">
        <v>3633</v>
      </c>
      <c r="RNA1" s="216" t="s">
        <v>3633</v>
      </c>
      <c r="RNB1" s="216" t="s">
        <v>3633</v>
      </c>
      <c r="RNC1" s="216" t="s">
        <v>3633</v>
      </c>
      <c r="RND1" s="216" t="s">
        <v>3633</v>
      </c>
      <c r="RNE1" s="216" t="s">
        <v>3633</v>
      </c>
      <c r="RNF1" s="216" t="s">
        <v>3633</v>
      </c>
      <c r="RNG1" s="216" t="s">
        <v>3633</v>
      </c>
      <c r="RNH1" s="216" t="s">
        <v>3633</v>
      </c>
      <c r="RNI1" s="216" t="s">
        <v>3633</v>
      </c>
      <c r="RNJ1" s="216" t="s">
        <v>3633</v>
      </c>
      <c r="RNK1" s="216" t="s">
        <v>3633</v>
      </c>
      <c r="RNL1" s="216" t="s">
        <v>3633</v>
      </c>
      <c r="RNM1" s="216" t="s">
        <v>3633</v>
      </c>
      <c r="RNN1" s="216" t="s">
        <v>3633</v>
      </c>
      <c r="RNO1" s="216" t="s">
        <v>3633</v>
      </c>
      <c r="RNP1" s="216" t="s">
        <v>3633</v>
      </c>
      <c r="RNQ1" s="216" t="s">
        <v>3633</v>
      </c>
      <c r="RNR1" s="216" t="s">
        <v>3633</v>
      </c>
      <c r="RNS1" s="216" t="s">
        <v>3633</v>
      </c>
      <c r="RNT1" s="216" t="s">
        <v>3633</v>
      </c>
      <c r="RNU1" s="216" t="s">
        <v>3633</v>
      </c>
      <c r="RNV1" s="216" t="s">
        <v>3633</v>
      </c>
      <c r="RNW1" s="216" t="s">
        <v>3633</v>
      </c>
      <c r="RNX1" s="216" t="s">
        <v>3633</v>
      </c>
      <c r="RNY1" s="216" t="s">
        <v>3633</v>
      </c>
      <c r="RNZ1" s="216" t="s">
        <v>3633</v>
      </c>
      <c r="ROA1" s="216" t="s">
        <v>3633</v>
      </c>
      <c r="ROB1" s="216" t="s">
        <v>3633</v>
      </c>
      <c r="ROC1" s="216" t="s">
        <v>3633</v>
      </c>
      <c r="ROD1" s="216" t="s">
        <v>3633</v>
      </c>
      <c r="ROE1" s="216" t="s">
        <v>3633</v>
      </c>
      <c r="ROF1" s="216" t="s">
        <v>3633</v>
      </c>
      <c r="ROG1" s="216" t="s">
        <v>3633</v>
      </c>
      <c r="ROH1" s="216" t="s">
        <v>3633</v>
      </c>
      <c r="ROI1" s="216" t="s">
        <v>3633</v>
      </c>
      <c r="ROJ1" s="216" t="s">
        <v>3633</v>
      </c>
      <c r="ROK1" s="216" t="s">
        <v>3633</v>
      </c>
      <c r="ROL1" s="216" t="s">
        <v>3633</v>
      </c>
      <c r="ROM1" s="216" t="s">
        <v>3633</v>
      </c>
      <c r="RON1" s="216" t="s">
        <v>3633</v>
      </c>
      <c r="ROO1" s="216" t="s">
        <v>3633</v>
      </c>
      <c r="ROP1" s="216" t="s">
        <v>3633</v>
      </c>
      <c r="ROQ1" s="216" t="s">
        <v>3633</v>
      </c>
      <c r="ROR1" s="216" t="s">
        <v>3633</v>
      </c>
      <c r="ROS1" s="216" t="s">
        <v>3633</v>
      </c>
      <c r="ROT1" s="216" t="s">
        <v>3633</v>
      </c>
      <c r="ROU1" s="216" t="s">
        <v>3633</v>
      </c>
      <c r="ROV1" s="216" t="s">
        <v>3633</v>
      </c>
      <c r="ROW1" s="216" t="s">
        <v>3633</v>
      </c>
      <c r="ROX1" s="216" t="s">
        <v>3633</v>
      </c>
      <c r="ROY1" s="216" t="s">
        <v>3633</v>
      </c>
      <c r="ROZ1" s="216" t="s">
        <v>3633</v>
      </c>
      <c r="RPA1" s="216" t="s">
        <v>3633</v>
      </c>
      <c r="RPB1" s="216" t="s">
        <v>3633</v>
      </c>
      <c r="RPC1" s="216" t="s">
        <v>3633</v>
      </c>
      <c r="RPD1" s="216" t="s">
        <v>3633</v>
      </c>
      <c r="RPE1" s="216" t="s">
        <v>3633</v>
      </c>
      <c r="RPF1" s="216" t="s">
        <v>3633</v>
      </c>
      <c r="RPG1" s="216" t="s">
        <v>3633</v>
      </c>
      <c r="RPH1" s="216" t="s">
        <v>3633</v>
      </c>
      <c r="RPI1" s="216" t="s">
        <v>3633</v>
      </c>
      <c r="RPJ1" s="216" t="s">
        <v>3633</v>
      </c>
      <c r="RPK1" s="216" t="s">
        <v>3633</v>
      </c>
      <c r="RPL1" s="216" t="s">
        <v>3633</v>
      </c>
      <c r="RPM1" s="216" t="s">
        <v>3633</v>
      </c>
      <c r="RPN1" s="216" t="s">
        <v>3633</v>
      </c>
      <c r="RPO1" s="216" t="s">
        <v>3633</v>
      </c>
      <c r="RPP1" s="216" t="s">
        <v>3633</v>
      </c>
      <c r="RPQ1" s="216" t="s">
        <v>3633</v>
      </c>
      <c r="RPR1" s="216" t="s">
        <v>3633</v>
      </c>
      <c r="RPS1" s="216" t="s">
        <v>3633</v>
      </c>
      <c r="RPT1" s="216" t="s">
        <v>3633</v>
      </c>
      <c r="RPU1" s="216" t="s">
        <v>3633</v>
      </c>
      <c r="RPV1" s="216" t="s">
        <v>3633</v>
      </c>
      <c r="RPW1" s="216" t="s">
        <v>3633</v>
      </c>
      <c r="RPX1" s="216" t="s">
        <v>3633</v>
      </c>
      <c r="RPY1" s="216" t="s">
        <v>3633</v>
      </c>
      <c r="RPZ1" s="216" t="s">
        <v>3633</v>
      </c>
      <c r="RQA1" s="216" t="s">
        <v>3633</v>
      </c>
      <c r="RQB1" s="216" t="s">
        <v>3633</v>
      </c>
      <c r="RQC1" s="216" t="s">
        <v>3633</v>
      </c>
      <c r="RQD1" s="216" t="s">
        <v>3633</v>
      </c>
      <c r="RQE1" s="216" t="s">
        <v>3633</v>
      </c>
      <c r="RQF1" s="216" t="s">
        <v>3633</v>
      </c>
      <c r="RQG1" s="216" t="s">
        <v>3633</v>
      </c>
      <c r="RQH1" s="216" t="s">
        <v>3633</v>
      </c>
      <c r="RQI1" s="216" t="s">
        <v>3633</v>
      </c>
      <c r="RQJ1" s="216" t="s">
        <v>3633</v>
      </c>
      <c r="RQK1" s="216" t="s">
        <v>3633</v>
      </c>
      <c r="RQL1" s="216" t="s">
        <v>3633</v>
      </c>
      <c r="RQM1" s="216" t="s">
        <v>3633</v>
      </c>
      <c r="RQN1" s="216" t="s">
        <v>3633</v>
      </c>
      <c r="RQO1" s="216" t="s">
        <v>3633</v>
      </c>
      <c r="RQP1" s="216" t="s">
        <v>3633</v>
      </c>
      <c r="RQQ1" s="216" t="s">
        <v>3633</v>
      </c>
      <c r="RQR1" s="216" t="s">
        <v>3633</v>
      </c>
      <c r="RQS1" s="216" t="s">
        <v>3633</v>
      </c>
      <c r="RQT1" s="216" t="s">
        <v>3633</v>
      </c>
      <c r="RQU1" s="216" t="s">
        <v>3633</v>
      </c>
      <c r="RQV1" s="216" t="s">
        <v>3633</v>
      </c>
      <c r="RQW1" s="216" t="s">
        <v>3633</v>
      </c>
      <c r="RQX1" s="216" t="s">
        <v>3633</v>
      </c>
      <c r="RQY1" s="216" t="s">
        <v>3633</v>
      </c>
      <c r="RQZ1" s="216" t="s">
        <v>3633</v>
      </c>
      <c r="RRA1" s="216" t="s">
        <v>3633</v>
      </c>
      <c r="RRB1" s="216" t="s">
        <v>3633</v>
      </c>
      <c r="RRC1" s="216" t="s">
        <v>3633</v>
      </c>
      <c r="RRD1" s="216" t="s">
        <v>3633</v>
      </c>
      <c r="RRE1" s="216" t="s">
        <v>3633</v>
      </c>
      <c r="RRF1" s="216" t="s">
        <v>3633</v>
      </c>
      <c r="RRG1" s="216" t="s">
        <v>3633</v>
      </c>
      <c r="RRH1" s="216" t="s">
        <v>3633</v>
      </c>
      <c r="RRI1" s="216" t="s">
        <v>3633</v>
      </c>
      <c r="RRJ1" s="216" t="s">
        <v>3633</v>
      </c>
      <c r="RRK1" s="216" t="s">
        <v>3633</v>
      </c>
      <c r="RRL1" s="216" t="s">
        <v>3633</v>
      </c>
      <c r="RRM1" s="216" t="s">
        <v>3633</v>
      </c>
      <c r="RRN1" s="216" t="s">
        <v>3633</v>
      </c>
      <c r="RRO1" s="216" t="s">
        <v>3633</v>
      </c>
      <c r="RRP1" s="216" t="s">
        <v>3633</v>
      </c>
      <c r="RRQ1" s="216" t="s">
        <v>3633</v>
      </c>
      <c r="RRR1" s="216" t="s">
        <v>3633</v>
      </c>
      <c r="RRS1" s="216" t="s">
        <v>3633</v>
      </c>
      <c r="RRT1" s="216" t="s">
        <v>3633</v>
      </c>
      <c r="RRU1" s="216" t="s">
        <v>3633</v>
      </c>
      <c r="RRV1" s="216" t="s">
        <v>3633</v>
      </c>
      <c r="RRW1" s="216" t="s">
        <v>3633</v>
      </c>
      <c r="RRX1" s="216" t="s">
        <v>3633</v>
      </c>
      <c r="RRY1" s="216" t="s">
        <v>3633</v>
      </c>
      <c r="RRZ1" s="216" t="s">
        <v>3633</v>
      </c>
      <c r="RSA1" s="216" t="s">
        <v>3633</v>
      </c>
      <c r="RSB1" s="216" t="s">
        <v>3633</v>
      </c>
      <c r="RSC1" s="216" t="s">
        <v>3633</v>
      </c>
      <c r="RSD1" s="216" t="s">
        <v>3633</v>
      </c>
      <c r="RSE1" s="216" t="s">
        <v>3633</v>
      </c>
      <c r="RSF1" s="216" t="s">
        <v>3633</v>
      </c>
      <c r="RSG1" s="216" t="s">
        <v>3633</v>
      </c>
      <c r="RSH1" s="216" t="s">
        <v>3633</v>
      </c>
      <c r="RSI1" s="216" t="s">
        <v>3633</v>
      </c>
      <c r="RSJ1" s="216" t="s">
        <v>3633</v>
      </c>
      <c r="RSK1" s="216" t="s">
        <v>3633</v>
      </c>
      <c r="RSL1" s="216" t="s">
        <v>3633</v>
      </c>
      <c r="RSM1" s="216" t="s">
        <v>3633</v>
      </c>
      <c r="RSN1" s="216" t="s">
        <v>3633</v>
      </c>
      <c r="RSO1" s="216" t="s">
        <v>3633</v>
      </c>
      <c r="RSP1" s="216" t="s">
        <v>3633</v>
      </c>
      <c r="RSQ1" s="216" t="s">
        <v>3633</v>
      </c>
      <c r="RSR1" s="216" t="s">
        <v>3633</v>
      </c>
      <c r="RSS1" s="216" t="s">
        <v>3633</v>
      </c>
      <c r="RST1" s="216" t="s">
        <v>3633</v>
      </c>
      <c r="RSU1" s="216" t="s">
        <v>3633</v>
      </c>
      <c r="RSV1" s="216" t="s">
        <v>3633</v>
      </c>
      <c r="RSW1" s="216" t="s">
        <v>3633</v>
      </c>
      <c r="RSX1" s="216" t="s">
        <v>3633</v>
      </c>
      <c r="RSY1" s="216" t="s">
        <v>3633</v>
      </c>
      <c r="RSZ1" s="216" t="s">
        <v>3633</v>
      </c>
      <c r="RTA1" s="216" t="s">
        <v>3633</v>
      </c>
      <c r="RTB1" s="216" t="s">
        <v>3633</v>
      </c>
      <c r="RTC1" s="216" t="s">
        <v>3633</v>
      </c>
      <c r="RTD1" s="216" t="s">
        <v>3633</v>
      </c>
      <c r="RTE1" s="216" t="s">
        <v>3633</v>
      </c>
      <c r="RTF1" s="216" t="s">
        <v>3633</v>
      </c>
      <c r="RTG1" s="216" t="s">
        <v>3633</v>
      </c>
      <c r="RTH1" s="216" t="s">
        <v>3633</v>
      </c>
      <c r="RTI1" s="216" t="s">
        <v>3633</v>
      </c>
      <c r="RTJ1" s="216" t="s">
        <v>3633</v>
      </c>
      <c r="RTK1" s="216" t="s">
        <v>3633</v>
      </c>
      <c r="RTL1" s="216" t="s">
        <v>3633</v>
      </c>
      <c r="RTM1" s="216" t="s">
        <v>3633</v>
      </c>
      <c r="RTN1" s="216" t="s">
        <v>3633</v>
      </c>
      <c r="RTO1" s="216" t="s">
        <v>3633</v>
      </c>
      <c r="RTP1" s="216" t="s">
        <v>3633</v>
      </c>
      <c r="RTQ1" s="216" t="s">
        <v>3633</v>
      </c>
      <c r="RTR1" s="216" t="s">
        <v>3633</v>
      </c>
      <c r="RTS1" s="216" t="s">
        <v>3633</v>
      </c>
      <c r="RTT1" s="216" t="s">
        <v>3633</v>
      </c>
      <c r="RTU1" s="216" t="s">
        <v>3633</v>
      </c>
      <c r="RTV1" s="216" t="s">
        <v>3633</v>
      </c>
      <c r="RTW1" s="216" t="s">
        <v>3633</v>
      </c>
      <c r="RTX1" s="216" t="s">
        <v>3633</v>
      </c>
      <c r="RTY1" s="216" t="s">
        <v>3633</v>
      </c>
      <c r="RTZ1" s="216" t="s">
        <v>3633</v>
      </c>
      <c r="RUA1" s="216" t="s">
        <v>3633</v>
      </c>
      <c r="RUB1" s="216" t="s">
        <v>3633</v>
      </c>
      <c r="RUC1" s="216" t="s">
        <v>3633</v>
      </c>
      <c r="RUD1" s="216" t="s">
        <v>3633</v>
      </c>
      <c r="RUE1" s="216" t="s">
        <v>3633</v>
      </c>
      <c r="RUF1" s="216" t="s">
        <v>3633</v>
      </c>
      <c r="RUG1" s="216" t="s">
        <v>3633</v>
      </c>
      <c r="RUH1" s="216" t="s">
        <v>3633</v>
      </c>
      <c r="RUI1" s="216" t="s">
        <v>3633</v>
      </c>
      <c r="RUJ1" s="216" t="s">
        <v>3633</v>
      </c>
      <c r="RUK1" s="216" t="s">
        <v>3633</v>
      </c>
      <c r="RUL1" s="216" t="s">
        <v>3633</v>
      </c>
      <c r="RUM1" s="216" t="s">
        <v>3633</v>
      </c>
      <c r="RUN1" s="216" t="s">
        <v>3633</v>
      </c>
      <c r="RUO1" s="216" t="s">
        <v>3633</v>
      </c>
      <c r="RUP1" s="216" t="s">
        <v>3633</v>
      </c>
      <c r="RUQ1" s="216" t="s">
        <v>3633</v>
      </c>
      <c r="RUR1" s="216" t="s">
        <v>3633</v>
      </c>
      <c r="RUS1" s="216" t="s">
        <v>3633</v>
      </c>
      <c r="RUT1" s="216" t="s">
        <v>3633</v>
      </c>
      <c r="RUU1" s="216" t="s">
        <v>3633</v>
      </c>
      <c r="RUV1" s="216" t="s">
        <v>3633</v>
      </c>
      <c r="RUW1" s="216" t="s">
        <v>3633</v>
      </c>
      <c r="RUX1" s="216" t="s">
        <v>3633</v>
      </c>
      <c r="RUY1" s="216" t="s">
        <v>3633</v>
      </c>
      <c r="RUZ1" s="216" t="s">
        <v>3633</v>
      </c>
      <c r="RVA1" s="216" t="s">
        <v>3633</v>
      </c>
      <c r="RVB1" s="216" t="s">
        <v>3633</v>
      </c>
      <c r="RVC1" s="216" t="s">
        <v>3633</v>
      </c>
      <c r="RVD1" s="216" t="s">
        <v>3633</v>
      </c>
      <c r="RVE1" s="216" t="s">
        <v>3633</v>
      </c>
      <c r="RVF1" s="216" t="s">
        <v>3633</v>
      </c>
      <c r="RVG1" s="216" t="s">
        <v>3633</v>
      </c>
      <c r="RVH1" s="216" t="s">
        <v>3633</v>
      </c>
      <c r="RVI1" s="216" t="s">
        <v>3633</v>
      </c>
      <c r="RVJ1" s="216" t="s">
        <v>3633</v>
      </c>
      <c r="RVK1" s="216" t="s">
        <v>3633</v>
      </c>
      <c r="RVL1" s="216" t="s">
        <v>3633</v>
      </c>
      <c r="RVM1" s="216" t="s">
        <v>3633</v>
      </c>
      <c r="RVN1" s="216" t="s">
        <v>3633</v>
      </c>
      <c r="RVO1" s="216" t="s">
        <v>3633</v>
      </c>
      <c r="RVP1" s="216" t="s">
        <v>3633</v>
      </c>
      <c r="RVQ1" s="216" t="s">
        <v>3633</v>
      </c>
      <c r="RVR1" s="216" t="s">
        <v>3633</v>
      </c>
      <c r="RVS1" s="216" t="s">
        <v>3633</v>
      </c>
      <c r="RVT1" s="216" t="s">
        <v>3633</v>
      </c>
      <c r="RVU1" s="216" t="s">
        <v>3633</v>
      </c>
      <c r="RVV1" s="216" t="s">
        <v>3633</v>
      </c>
      <c r="RVW1" s="216" t="s">
        <v>3633</v>
      </c>
      <c r="RVX1" s="216" t="s">
        <v>3633</v>
      </c>
      <c r="RVY1" s="216" t="s">
        <v>3633</v>
      </c>
      <c r="RVZ1" s="216" t="s">
        <v>3633</v>
      </c>
      <c r="RWA1" s="216" t="s">
        <v>3633</v>
      </c>
      <c r="RWB1" s="216" t="s">
        <v>3633</v>
      </c>
      <c r="RWC1" s="216" t="s">
        <v>3633</v>
      </c>
      <c r="RWD1" s="216" t="s">
        <v>3633</v>
      </c>
      <c r="RWE1" s="216" t="s">
        <v>3633</v>
      </c>
      <c r="RWF1" s="216" t="s">
        <v>3633</v>
      </c>
      <c r="RWG1" s="216" t="s">
        <v>3633</v>
      </c>
      <c r="RWH1" s="216" t="s">
        <v>3633</v>
      </c>
      <c r="RWI1" s="216" t="s">
        <v>3633</v>
      </c>
      <c r="RWJ1" s="216" t="s">
        <v>3633</v>
      </c>
      <c r="RWK1" s="216" t="s">
        <v>3633</v>
      </c>
      <c r="RWL1" s="216" t="s">
        <v>3633</v>
      </c>
      <c r="RWM1" s="216" t="s">
        <v>3633</v>
      </c>
      <c r="RWN1" s="216" t="s">
        <v>3633</v>
      </c>
      <c r="RWO1" s="216" t="s">
        <v>3633</v>
      </c>
      <c r="RWP1" s="216" t="s">
        <v>3633</v>
      </c>
      <c r="RWQ1" s="216" t="s">
        <v>3633</v>
      </c>
      <c r="RWR1" s="216" t="s">
        <v>3633</v>
      </c>
      <c r="RWS1" s="216" t="s">
        <v>3633</v>
      </c>
      <c r="RWT1" s="216" t="s">
        <v>3633</v>
      </c>
      <c r="RWU1" s="216" t="s">
        <v>3633</v>
      </c>
      <c r="RWV1" s="216" t="s">
        <v>3633</v>
      </c>
      <c r="RWW1" s="216" t="s">
        <v>3633</v>
      </c>
      <c r="RWX1" s="216" t="s">
        <v>3633</v>
      </c>
      <c r="RWY1" s="216" t="s">
        <v>3633</v>
      </c>
      <c r="RWZ1" s="216" t="s">
        <v>3633</v>
      </c>
      <c r="RXA1" s="216" t="s">
        <v>3633</v>
      </c>
      <c r="RXB1" s="216" t="s">
        <v>3633</v>
      </c>
      <c r="RXC1" s="216" t="s">
        <v>3633</v>
      </c>
      <c r="RXD1" s="216" t="s">
        <v>3633</v>
      </c>
      <c r="RXE1" s="216" t="s">
        <v>3633</v>
      </c>
      <c r="RXF1" s="216" t="s">
        <v>3633</v>
      </c>
      <c r="RXG1" s="216" t="s">
        <v>3633</v>
      </c>
      <c r="RXH1" s="216" t="s">
        <v>3633</v>
      </c>
      <c r="RXI1" s="216" t="s">
        <v>3633</v>
      </c>
      <c r="RXJ1" s="216" t="s">
        <v>3633</v>
      </c>
      <c r="RXK1" s="216" t="s">
        <v>3633</v>
      </c>
      <c r="RXL1" s="216" t="s">
        <v>3633</v>
      </c>
      <c r="RXM1" s="216" t="s">
        <v>3633</v>
      </c>
      <c r="RXN1" s="216" t="s">
        <v>3633</v>
      </c>
      <c r="RXO1" s="216" t="s">
        <v>3633</v>
      </c>
      <c r="RXP1" s="216" t="s">
        <v>3633</v>
      </c>
      <c r="RXQ1" s="216" t="s">
        <v>3633</v>
      </c>
      <c r="RXR1" s="216" t="s">
        <v>3633</v>
      </c>
      <c r="RXS1" s="216" t="s">
        <v>3633</v>
      </c>
      <c r="RXT1" s="216" t="s">
        <v>3633</v>
      </c>
      <c r="RXU1" s="216" t="s">
        <v>3633</v>
      </c>
      <c r="RXV1" s="216" t="s">
        <v>3633</v>
      </c>
      <c r="RXW1" s="216" t="s">
        <v>3633</v>
      </c>
      <c r="RXX1" s="216" t="s">
        <v>3633</v>
      </c>
      <c r="RXY1" s="216" t="s">
        <v>3633</v>
      </c>
      <c r="RXZ1" s="216" t="s">
        <v>3633</v>
      </c>
      <c r="RYA1" s="216" t="s">
        <v>3633</v>
      </c>
      <c r="RYB1" s="216" t="s">
        <v>3633</v>
      </c>
      <c r="RYC1" s="216" t="s">
        <v>3633</v>
      </c>
      <c r="RYD1" s="216" t="s">
        <v>3633</v>
      </c>
      <c r="RYE1" s="216" t="s">
        <v>3633</v>
      </c>
      <c r="RYF1" s="216" t="s">
        <v>3633</v>
      </c>
      <c r="RYG1" s="216" t="s">
        <v>3633</v>
      </c>
      <c r="RYH1" s="216" t="s">
        <v>3633</v>
      </c>
      <c r="RYI1" s="216" t="s">
        <v>3633</v>
      </c>
      <c r="RYJ1" s="216" t="s">
        <v>3633</v>
      </c>
      <c r="RYK1" s="216" t="s">
        <v>3633</v>
      </c>
      <c r="RYL1" s="216" t="s">
        <v>3633</v>
      </c>
      <c r="RYM1" s="216" t="s">
        <v>3633</v>
      </c>
      <c r="RYN1" s="216" t="s">
        <v>3633</v>
      </c>
      <c r="RYO1" s="216" t="s">
        <v>3633</v>
      </c>
      <c r="RYP1" s="216" t="s">
        <v>3633</v>
      </c>
      <c r="RYQ1" s="216" t="s">
        <v>3633</v>
      </c>
      <c r="RYR1" s="216" t="s">
        <v>3633</v>
      </c>
      <c r="RYS1" s="216" t="s">
        <v>3633</v>
      </c>
      <c r="RYT1" s="216" t="s">
        <v>3633</v>
      </c>
      <c r="RYU1" s="216" t="s">
        <v>3633</v>
      </c>
      <c r="RYV1" s="216" t="s">
        <v>3633</v>
      </c>
      <c r="RYW1" s="216" t="s">
        <v>3633</v>
      </c>
      <c r="RYX1" s="216" t="s">
        <v>3633</v>
      </c>
      <c r="RYY1" s="216" t="s">
        <v>3633</v>
      </c>
      <c r="RYZ1" s="216" t="s">
        <v>3633</v>
      </c>
      <c r="RZA1" s="216" t="s">
        <v>3633</v>
      </c>
      <c r="RZB1" s="216" t="s">
        <v>3633</v>
      </c>
      <c r="RZC1" s="216" t="s">
        <v>3633</v>
      </c>
      <c r="RZD1" s="216" t="s">
        <v>3633</v>
      </c>
      <c r="RZE1" s="216" t="s">
        <v>3633</v>
      </c>
      <c r="RZF1" s="216" t="s">
        <v>3633</v>
      </c>
      <c r="RZG1" s="216" t="s">
        <v>3633</v>
      </c>
      <c r="RZH1" s="216" t="s">
        <v>3633</v>
      </c>
      <c r="RZI1" s="216" t="s">
        <v>3633</v>
      </c>
      <c r="RZJ1" s="216" t="s">
        <v>3633</v>
      </c>
      <c r="RZK1" s="216" t="s">
        <v>3633</v>
      </c>
      <c r="RZL1" s="216" t="s">
        <v>3633</v>
      </c>
      <c r="RZM1" s="216" t="s">
        <v>3633</v>
      </c>
      <c r="RZN1" s="216" t="s">
        <v>3633</v>
      </c>
      <c r="RZO1" s="216" t="s">
        <v>3633</v>
      </c>
      <c r="RZP1" s="216" t="s">
        <v>3633</v>
      </c>
      <c r="RZQ1" s="216" t="s">
        <v>3633</v>
      </c>
      <c r="RZR1" s="216" t="s">
        <v>3633</v>
      </c>
      <c r="RZS1" s="216" t="s">
        <v>3633</v>
      </c>
      <c r="RZT1" s="216" t="s">
        <v>3633</v>
      </c>
      <c r="RZU1" s="216" t="s">
        <v>3633</v>
      </c>
      <c r="RZV1" s="216" t="s">
        <v>3633</v>
      </c>
      <c r="RZW1" s="216" t="s">
        <v>3633</v>
      </c>
      <c r="RZX1" s="216" t="s">
        <v>3633</v>
      </c>
      <c r="RZY1" s="216" t="s">
        <v>3633</v>
      </c>
      <c r="RZZ1" s="216" t="s">
        <v>3633</v>
      </c>
      <c r="SAA1" s="216" t="s">
        <v>3633</v>
      </c>
      <c r="SAB1" s="216" t="s">
        <v>3633</v>
      </c>
      <c r="SAC1" s="216" t="s">
        <v>3633</v>
      </c>
      <c r="SAD1" s="216" t="s">
        <v>3633</v>
      </c>
      <c r="SAE1" s="216" t="s">
        <v>3633</v>
      </c>
      <c r="SAF1" s="216" t="s">
        <v>3633</v>
      </c>
      <c r="SAG1" s="216" t="s">
        <v>3633</v>
      </c>
      <c r="SAH1" s="216" t="s">
        <v>3633</v>
      </c>
      <c r="SAI1" s="216" t="s">
        <v>3633</v>
      </c>
      <c r="SAJ1" s="216" t="s">
        <v>3633</v>
      </c>
      <c r="SAK1" s="216" t="s">
        <v>3633</v>
      </c>
      <c r="SAL1" s="216" t="s">
        <v>3633</v>
      </c>
      <c r="SAM1" s="216" t="s">
        <v>3633</v>
      </c>
      <c r="SAN1" s="216" t="s">
        <v>3633</v>
      </c>
      <c r="SAO1" s="216" t="s">
        <v>3633</v>
      </c>
      <c r="SAP1" s="216" t="s">
        <v>3633</v>
      </c>
      <c r="SAQ1" s="216" t="s">
        <v>3633</v>
      </c>
      <c r="SAR1" s="216" t="s">
        <v>3633</v>
      </c>
      <c r="SAS1" s="216" t="s">
        <v>3633</v>
      </c>
      <c r="SAT1" s="216" t="s">
        <v>3633</v>
      </c>
      <c r="SAU1" s="216" t="s">
        <v>3633</v>
      </c>
      <c r="SAV1" s="216" t="s">
        <v>3633</v>
      </c>
      <c r="SAW1" s="216" t="s">
        <v>3633</v>
      </c>
      <c r="SAX1" s="216" t="s">
        <v>3633</v>
      </c>
      <c r="SAY1" s="216" t="s">
        <v>3633</v>
      </c>
      <c r="SAZ1" s="216" t="s">
        <v>3633</v>
      </c>
      <c r="SBA1" s="216" t="s">
        <v>3633</v>
      </c>
      <c r="SBB1" s="216" t="s">
        <v>3633</v>
      </c>
      <c r="SBC1" s="216" t="s">
        <v>3633</v>
      </c>
      <c r="SBD1" s="216" t="s">
        <v>3633</v>
      </c>
      <c r="SBE1" s="216" t="s">
        <v>3633</v>
      </c>
      <c r="SBF1" s="216" t="s">
        <v>3633</v>
      </c>
      <c r="SBG1" s="216" t="s">
        <v>3633</v>
      </c>
      <c r="SBH1" s="216" t="s">
        <v>3633</v>
      </c>
      <c r="SBI1" s="216" t="s">
        <v>3633</v>
      </c>
      <c r="SBJ1" s="216" t="s">
        <v>3633</v>
      </c>
      <c r="SBK1" s="216" t="s">
        <v>3633</v>
      </c>
      <c r="SBL1" s="216" t="s">
        <v>3633</v>
      </c>
      <c r="SBM1" s="216" t="s">
        <v>3633</v>
      </c>
      <c r="SBN1" s="216" t="s">
        <v>3633</v>
      </c>
      <c r="SBO1" s="216" t="s">
        <v>3633</v>
      </c>
      <c r="SBP1" s="216" t="s">
        <v>3633</v>
      </c>
      <c r="SBQ1" s="216" t="s">
        <v>3633</v>
      </c>
      <c r="SBR1" s="216" t="s">
        <v>3633</v>
      </c>
      <c r="SBS1" s="216" t="s">
        <v>3633</v>
      </c>
      <c r="SBT1" s="216" t="s">
        <v>3633</v>
      </c>
      <c r="SBU1" s="216" t="s">
        <v>3633</v>
      </c>
      <c r="SBV1" s="216" t="s">
        <v>3633</v>
      </c>
      <c r="SBW1" s="216" t="s">
        <v>3633</v>
      </c>
      <c r="SBX1" s="216" t="s">
        <v>3633</v>
      </c>
      <c r="SBY1" s="216" t="s">
        <v>3633</v>
      </c>
      <c r="SBZ1" s="216" t="s">
        <v>3633</v>
      </c>
      <c r="SCA1" s="216" t="s">
        <v>3633</v>
      </c>
      <c r="SCB1" s="216" t="s">
        <v>3633</v>
      </c>
      <c r="SCC1" s="216" t="s">
        <v>3633</v>
      </c>
      <c r="SCD1" s="216" t="s">
        <v>3633</v>
      </c>
      <c r="SCE1" s="216" t="s">
        <v>3633</v>
      </c>
      <c r="SCF1" s="216" t="s">
        <v>3633</v>
      </c>
      <c r="SCG1" s="216" t="s">
        <v>3633</v>
      </c>
      <c r="SCH1" s="216" t="s">
        <v>3633</v>
      </c>
      <c r="SCI1" s="216" t="s">
        <v>3633</v>
      </c>
      <c r="SCJ1" s="216" t="s">
        <v>3633</v>
      </c>
      <c r="SCK1" s="216" t="s">
        <v>3633</v>
      </c>
      <c r="SCL1" s="216" t="s">
        <v>3633</v>
      </c>
      <c r="SCM1" s="216" t="s">
        <v>3633</v>
      </c>
      <c r="SCN1" s="216" t="s">
        <v>3633</v>
      </c>
      <c r="SCO1" s="216" t="s">
        <v>3633</v>
      </c>
      <c r="SCP1" s="216" t="s">
        <v>3633</v>
      </c>
      <c r="SCQ1" s="216" t="s">
        <v>3633</v>
      </c>
      <c r="SCR1" s="216" t="s">
        <v>3633</v>
      </c>
      <c r="SCS1" s="216" t="s">
        <v>3633</v>
      </c>
      <c r="SCT1" s="216" t="s">
        <v>3633</v>
      </c>
      <c r="SCU1" s="216" t="s">
        <v>3633</v>
      </c>
      <c r="SCV1" s="216" t="s">
        <v>3633</v>
      </c>
      <c r="SCW1" s="216" t="s">
        <v>3633</v>
      </c>
      <c r="SCX1" s="216" t="s">
        <v>3633</v>
      </c>
      <c r="SCY1" s="216" t="s">
        <v>3633</v>
      </c>
      <c r="SCZ1" s="216" t="s">
        <v>3633</v>
      </c>
      <c r="SDA1" s="216" t="s">
        <v>3633</v>
      </c>
      <c r="SDB1" s="216" t="s">
        <v>3633</v>
      </c>
      <c r="SDC1" s="216" t="s">
        <v>3633</v>
      </c>
      <c r="SDD1" s="216" t="s">
        <v>3633</v>
      </c>
      <c r="SDE1" s="216" t="s">
        <v>3633</v>
      </c>
      <c r="SDF1" s="216" t="s">
        <v>3633</v>
      </c>
      <c r="SDG1" s="216" t="s">
        <v>3633</v>
      </c>
      <c r="SDH1" s="216" t="s">
        <v>3633</v>
      </c>
      <c r="SDI1" s="216" t="s">
        <v>3633</v>
      </c>
      <c r="SDJ1" s="216" t="s">
        <v>3633</v>
      </c>
      <c r="SDK1" s="216" t="s">
        <v>3633</v>
      </c>
      <c r="SDL1" s="216" t="s">
        <v>3633</v>
      </c>
      <c r="SDM1" s="216" t="s">
        <v>3633</v>
      </c>
      <c r="SDN1" s="216" t="s">
        <v>3633</v>
      </c>
      <c r="SDO1" s="216" t="s">
        <v>3633</v>
      </c>
      <c r="SDP1" s="216" t="s">
        <v>3633</v>
      </c>
      <c r="SDQ1" s="216" t="s">
        <v>3633</v>
      </c>
      <c r="SDR1" s="216" t="s">
        <v>3633</v>
      </c>
      <c r="SDS1" s="216" t="s">
        <v>3633</v>
      </c>
      <c r="SDT1" s="216" t="s">
        <v>3633</v>
      </c>
      <c r="SDU1" s="216" t="s">
        <v>3633</v>
      </c>
      <c r="SDV1" s="216" t="s">
        <v>3633</v>
      </c>
      <c r="SDW1" s="216" t="s">
        <v>3633</v>
      </c>
      <c r="SDX1" s="216" t="s">
        <v>3633</v>
      </c>
      <c r="SDY1" s="216" t="s">
        <v>3633</v>
      </c>
      <c r="SDZ1" s="216" t="s">
        <v>3633</v>
      </c>
      <c r="SEA1" s="216" t="s">
        <v>3633</v>
      </c>
      <c r="SEB1" s="216" t="s">
        <v>3633</v>
      </c>
      <c r="SEC1" s="216" t="s">
        <v>3633</v>
      </c>
      <c r="SED1" s="216" t="s">
        <v>3633</v>
      </c>
      <c r="SEE1" s="216" t="s">
        <v>3633</v>
      </c>
      <c r="SEF1" s="216" t="s">
        <v>3633</v>
      </c>
      <c r="SEG1" s="216" t="s">
        <v>3633</v>
      </c>
      <c r="SEH1" s="216" t="s">
        <v>3633</v>
      </c>
      <c r="SEI1" s="216" t="s">
        <v>3633</v>
      </c>
      <c r="SEJ1" s="216" t="s">
        <v>3633</v>
      </c>
      <c r="SEK1" s="216" t="s">
        <v>3633</v>
      </c>
      <c r="SEL1" s="216" t="s">
        <v>3633</v>
      </c>
      <c r="SEM1" s="216" t="s">
        <v>3633</v>
      </c>
      <c r="SEN1" s="216" t="s">
        <v>3633</v>
      </c>
      <c r="SEO1" s="216" t="s">
        <v>3633</v>
      </c>
      <c r="SEP1" s="216" t="s">
        <v>3633</v>
      </c>
      <c r="SEQ1" s="216" t="s">
        <v>3633</v>
      </c>
      <c r="SER1" s="216" t="s">
        <v>3633</v>
      </c>
      <c r="SES1" s="216" t="s">
        <v>3633</v>
      </c>
      <c r="SET1" s="216" t="s">
        <v>3633</v>
      </c>
      <c r="SEU1" s="216" t="s">
        <v>3633</v>
      </c>
      <c r="SEV1" s="216" t="s">
        <v>3633</v>
      </c>
      <c r="SEW1" s="216" t="s">
        <v>3633</v>
      </c>
      <c r="SEX1" s="216" t="s">
        <v>3633</v>
      </c>
      <c r="SEY1" s="216" t="s">
        <v>3633</v>
      </c>
      <c r="SEZ1" s="216" t="s">
        <v>3633</v>
      </c>
      <c r="SFA1" s="216" t="s">
        <v>3633</v>
      </c>
      <c r="SFB1" s="216" t="s">
        <v>3633</v>
      </c>
      <c r="SFC1" s="216" t="s">
        <v>3633</v>
      </c>
      <c r="SFD1" s="216" t="s">
        <v>3633</v>
      </c>
      <c r="SFE1" s="216" t="s">
        <v>3633</v>
      </c>
      <c r="SFF1" s="216" t="s">
        <v>3633</v>
      </c>
      <c r="SFG1" s="216" t="s">
        <v>3633</v>
      </c>
      <c r="SFH1" s="216" t="s">
        <v>3633</v>
      </c>
      <c r="SFI1" s="216" t="s">
        <v>3633</v>
      </c>
      <c r="SFJ1" s="216" t="s">
        <v>3633</v>
      </c>
      <c r="SFK1" s="216" t="s">
        <v>3633</v>
      </c>
      <c r="SFL1" s="216" t="s">
        <v>3633</v>
      </c>
      <c r="SFM1" s="216" t="s">
        <v>3633</v>
      </c>
      <c r="SFN1" s="216" t="s">
        <v>3633</v>
      </c>
      <c r="SFO1" s="216" t="s">
        <v>3633</v>
      </c>
      <c r="SFP1" s="216" t="s">
        <v>3633</v>
      </c>
      <c r="SFQ1" s="216" t="s">
        <v>3633</v>
      </c>
      <c r="SFR1" s="216" t="s">
        <v>3633</v>
      </c>
      <c r="SFS1" s="216" t="s">
        <v>3633</v>
      </c>
      <c r="SFT1" s="216" t="s">
        <v>3633</v>
      </c>
      <c r="SFU1" s="216" t="s">
        <v>3633</v>
      </c>
      <c r="SFV1" s="216" t="s">
        <v>3633</v>
      </c>
      <c r="SFW1" s="216" t="s">
        <v>3633</v>
      </c>
      <c r="SFX1" s="216" t="s">
        <v>3633</v>
      </c>
      <c r="SFY1" s="216" t="s">
        <v>3633</v>
      </c>
      <c r="SFZ1" s="216" t="s">
        <v>3633</v>
      </c>
      <c r="SGA1" s="216" t="s">
        <v>3633</v>
      </c>
      <c r="SGB1" s="216" t="s">
        <v>3633</v>
      </c>
      <c r="SGC1" s="216" t="s">
        <v>3633</v>
      </c>
      <c r="SGD1" s="216" t="s">
        <v>3633</v>
      </c>
      <c r="SGE1" s="216" t="s">
        <v>3633</v>
      </c>
      <c r="SGF1" s="216" t="s">
        <v>3633</v>
      </c>
      <c r="SGG1" s="216" t="s">
        <v>3633</v>
      </c>
      <c r="SGH1" s="216" t="s">
        <v>3633</v>
      </c>
      <c r="SGI1" s="216" t="s">
        <v>3633</v>
      </c>
      <c r="SGJ1" s="216" t="s">
        <v>3633</v>
      </c>
      <c r="SGK1" s="216" t="s">
        <v>3633</v>
      </c>
      <c r="SGL1" s="216" t="s">
        <v>3633</v>
      </c>
      <c r="SGM1" s="216" t="s">
        <v>3633</v>
      </c>
      <c r="SGN1" s="216" t="s">
        <v>3633</v>
      </c>
      <c r="SGO1" s="216" t="s">
        <v>3633</v>
      </c>
      <c r="SGP1" s="216" t="s">
        <v>3633</v>
      </c>
      <c r="SGQ1" s="216" t="s">
        <v>3633</v>
      </c>
      <c r="SGR1" s="216" t="s">
        <v>3633</v>
      </c>
      <c r="SGS1" s="216" t="s">
        <v>3633</v>
      </c>
      <c r="SGT1" s="216" t="s">
        <v>3633</v>
      </c>
      <c r="SGU1" s="216" t="s">
        <v>3633</v>
      </c>
      <c r="SGV1" s="216" t="s">
        <v>3633</v>
      </c>
      <c r="SGW1" s="216" t="s">
        <v>3633</v>
      </c>
      <c r="SGX1" s="216" t="s">
        <v>3633</v>
      </c>
      <c r="SGY1" s="216" t="s">
        <v>3633</v>
      </c>
      <c r="SGZ1" s="216" t="s">
        <v>3633</v>
      </c>
      <c r="SHA1" s="216" t="s">
        <v>3633</v>
      </c>
      <c r="SHB1" s="216" t="s">
        <v>3633</v>
      </c>
      <c r="SHC1" s="216" t="s">
        <v>3633</v>
      </c>
      <c r="SHD1" s="216" t="s">
        <v>3633</v>
      </c>
      <c r="SHE1" s="216" t="s">
        <v>3633</v>
      </c>
      <c r="SHF1" s="216" t="s">
        <v>3633</v>
      </c>
      <c r="SHG1" s="216" t="s">
        <v>3633</v>
      </c>
      <c r="SHH1" s="216" t="s">
        <v>3633</v>
      </c>
      <c r="SHI1" s="216" t="s">
        <v>3633</v>
      </c>
      <c r="SHJ1" s="216" t="s">
        <v>3633</v>
      </c>
      <c r="SHK1" s="216" t="s">
        <v>3633</v>
      </c>
      <c r="SHL1" s="216" t="s">
        <v>3633</v>
      </c>
      <c r="SHM1" s="216" t="s">
        <v>3633</v>
      </c>
      <c r="SHN1" s="216" t="s">
        <v>3633</v>
      </c>
      <c r="SHO1" s="216" t="s">
        <v>3633</v>
      </c>
      <c r="SHP1" s="216" t="s">
        <v>3633</v>
      </c>
      <c r="SHQ1" s="216" t="s">
        <v>3633</v>
      </c>
      <c r="SHR1" s="216" t="s">
        <v>3633</v>
      </c>
      <c r="SHS1" s="216" t="s">
        <v>3633</v>
      </c>
      <c r="SHT1" s="216" t="s">
        <v>3633</v>
      </c>
      <c r="SHU1" s="216" t="s">
        <v>3633</v>
      </c>
      <c r="SHV1" s="216" t="s">
        <v>3633</v>
      </c>
      <c r="SHW1" s="216" t="s">
        <v>3633</v>
      </c>
      <c r="SHX1" s="216" t="s">
        <v>3633</v>
      </c>
      <c r="SHY1" s="216" t="s">
        <v>3633</v>
      </c>
      <c r="SHZ1" s="216" t="s">
        <v>3633</v>
      </c>
      <c r="SIA1" s="216" t="s">
        <v>3633</v>
      </c>
      <c r="SIB1" s="216" t="s">
        <v>3633</v>
      </c>
      <c r="SIC1" s="216" t="s">
        <v>3633</v>
      </c>
      <c r="SID1" s="216" t="s">
        <v>3633</v>
      </c>
      <c r="SIE1" s="216" t="s">
        <v>3633</v>
      </c>
      <c r="SIF1" s="216" t="s">
        <v>3633</v>
      </c>
      <c r="SIG1" s="216" t="s">
        <v>3633</v>
      </c>
      <c r="SIH1" s="216" t="s">
        <v>3633</v>
      </c>
      <c r="SII1" s="216" t="s">
        <v>3633</v>
      </c>
      <c r="SIJ1" s="216" t="s">
        <v>3633</v>
      </c>
      <c r="SIK1" s="216" t="s">
        <v>3633</v>
      </c>
      <c r="SIL1" s="216" t="s">
        <v>3633</v>
      </c>
      <c r="SIM1" s="216" t="s">
        <v>3633</v>
      </c>
      <c r="SIN1" s="216" t="s">
        <v>3633</v>
      </c>
      <c r="SIO1" s="216" t="s">
        <v>3633</v>
      </c>
      <c r="SIP1" s="216" t="s">
        <v>3633</v>
      </c>
      <c r="SIQ1" s="216" t="s">
        <v>3633</v>
      </c>
      <c r="SIR1" s="216" t="s">
        <v>3633</v>
      </c>
      <c r="SIS1" s="216" t="s">
        <v>3633</v>
      </c>
      <c r="SIT1" s="216" t="s">
        <v>3633</v>
      </c>
      <c r="SIU1" s="216" t="s">
        <v>3633</v>
      </c>
      <c r="SIV1" s="216" t="s">
        <v>3633</v>
      </c>
      <c r="SIW1" s="216" t="s">
        <v>3633</v>
      </c>
      <c r="SIX1" s="216" t="s">
        <v>3633</v>
      </c>
      <c r="SIY1" s="216" t="s">
        <v>3633</v>
      </c>
      <c r="SIZ1" s="216" t="s">
        <v>3633</v>
      </c>
      <c r="SJA1" s="216" t="s">
        <v>3633</v>
      </c>
      <c r="SJB1" s="216" t="s">
        <v>3633</v>
      </c>
      <c r="SJC1" s="216" t="s">
        <v>3633</v>
      </c>
      <c r="SJD1" s="216" t="s">
        <v>3633</v>
      </c>
      <c r="SJE1" s="216" t="s">
        <v>3633</v>
      </c>
      <c r="SJF1" s="216" t="s">
        <v>3633</v>
      </c>
      <c r="SJG1" s="216" t="s">
        <v>3633</v>
      </c>
      <c r="SJH1" s="216" t="s">
        <v>3633</v>
      </c>
      <c r="SJI1" s="216" t="s">
        <v>3633</v>
      </c>
      <c r="SJJ1" s="216" t="s">
        <v>3633</v>
      </c>
      <c r="SJK1" s="216" t="s">
        <v>3633</v>
      </c>
      <c r="SJL1" s="216" t="s">
        <v>3633</v>
      </c>
      <c r="SJM1" s="216" t="s">
        <v>3633</v>
      </c>
      <c r="SJN1" s="216" t="s">
        <v>3633</v>
      </c>
      <c r="SJO1" s="216" t="s">
        <v>3633</v>
      </c>
      <c r="SJP1" s="216" t="s">
        <v>3633</v>
      </c>
      <c r="SJQ1" s="216" t="s">
        <v>3633</v>
      </c>
      <c r="SJR1" s="216" t="s">
        <v>3633</v>
      </c>
      <c r="SJS1" s="216" t="s">
        <v>3633</v>
      </c>
      <c r="SJT1" s="216" t="s">
        <v>3633</v>
      </c>
      <c r="SJU1" s="216" t="s">
        <v>3633</v>
      </c>
      <c r="SJV1" s="216" t="s">
        <v>3633</v>
      </c>
      <c r="SJW1" s="216" t="s">
        <v>3633</v>
      </c>
      <c r="SJX1" s="216" t="s">
        <v>3633</v>
      </c>
      <c r="SJY1" s="216" t="s">
        <v>3633</v>
      </c>
      <c r="SJZ1" s="216" t="s">
        <v>3633</v>
      </c>
      <c r="SKA1" s="216" t="s">
        <v>3633</v>
      </c>
      <c r="SKB1" s="216" t="s">
        <v>3633</v>
      </c>
      <c r="SKC1" s="216" t="s">
        <v>3633</v>
      </c>
      <c r="SKD1" s="216" t="s">
        <v>3633</v>
      </c>
      <c r="SKE1" s="216" t="s">
        <v>3633</v>
      </c>
      <c r="SKF1" s="216" t="s">
        <v>3633</v>
      </c>
      <c r="SKG1" s="216" t="s">
        <v>3633</v>
      </c>
      <c r="SKH1" s="216" t="s">
        <v>3633</v>
      </c>
      <c r="SKI1" s="216" t="s">
        <v>3633</v>
      </c>
      <c r="SKJ1" s="216" t="s">
        <v>3633</v>
      </c>
      <c r="SKK1" s="216" t="s">
        <v>3633</v>
      </c>
      <c r="SKL1" s="216" t="s">
        <v>3633</v>
      </c>
      <c r="SKM1" s="216" t="s">
        <v>3633</v>
      </c>
      <c r="SKN1" s="216" t="s">
        <v>3633</v>
      </c>
      <c r="SKO1" s="216" t="s">
        <v>3633</v>
      </c>
      <c r="SKP1" s="216" t="s">
        <v>3633</v>
      </c>
      <c r="SKQ1" s="216" t="s">
        <v>3633</v>
      </c>
      <c r="SKR1" s="216" t="s">
        <v>3633</v>
      </c>
      <c r="SKS1" s="216" t="s">
        <v>3633</v>
      </c>
      <c r="SKT1" s="216" t="s">
        <v>3633</v>
      </c>
      <c r="SKU1" s="216" t="s">
        <v>3633</v>
      </c>
      <c r="SKV1" s="216" t="s">
        <v>3633</v>
      </c>
      <c r="SKW1" s="216" t="s">
        <v>3633</v>
      </c>
      <c r="SKX1" s="216" t="s">
        <v>3633</v>
      </c>
      <c r="SKY1" s="216" t="s">
        <v>3633</v>
      </c>
      <c r="SKZ1" s="216" t="s">
        <v>3633</v>
      </c>
      <c r="SLA1" s="216" t="s">
        <v>3633</v>
      </c>
      <c r="SLB1" s="216" t="s">
        <v>3633</v>
      </c>
      <c r="SLC1" s="216" t="s">
        <v>3633</v>
      </c>
      <c r="SLD1" s="216" t="s">
        <v>3633</v>
      </c>
      <c r="SLE1" s="216" t="s">
        <v>3633</v>
      </c>
      <c r="SLF1" s="216" t="s">
        <v>3633</v>
      </c>
      <c r="SLG1" s="216" t="s">
        <v>3633</v>
      </c>
      <c r="SLH1" s="216" t="s">
        <v>3633</v>
      </c>
      <c r="SLI1" s="216" t="s">
        <v>3633</v>
      </c>
      <c r="SLJ1" s="216" t="s">
        <v>3633</v>
      </c>
      <c r="SLK1" s="216" t="s">
        <v>3633</v>
      </c>
      <c r="SLL1" s="216" t="s">
        <v>3633</v>
      </c>
      <c r="SLM1" s="216" t="s">
        <v>3633</v>
      </c>
      <c r="SLN1" s="216" t="s">
        <v>3633</v>
      </c>
      <c r="SLO1" s="216" t="s">
        <v>3633</v>
      </c>
      <c r="SLP1" s="216" t="s">
        <v>3633</v>
      </c>
      <c r="SLQ1" s="216" t="s">
        <v>3633</v>
      </c>
      <c r="SLR1" s="216" t="s">
        <v>3633</v>
      </c>
      <c r="SLS1" s="216" t="s">
        <v>3633</v>
      </c>
      <c r="SLT1" s="216" t="s">
        <v>3633</v>
      </c>
      <c r="SLU1" s="216" t="s">
        <v>3633</v>
      </c>
      <c r="SLV1" s="216" t="s">
        <v>3633</v>
      </c>
      <c r="SLW1" s="216" t="s">
        <v>3633</v>
      </c>
      <c r="SLX1" s="216" t="s">
        <v>3633</v>
      </c>
      <c r="SLY1" s="216" t="s">
        <v>3633</v>
      </c>
      <c r="SLZ1" s="216" t="s">
        <v>3633</v>
      </c>
      <c r="SMA1" s="216" t="s">
        <v>3633</v>
      </c>
      <c r="SMB1" s="216" t="s">
        <v>3633</v>
      </c>
      <c r="SMC1" s="216" t="s">
        <v>3633</v>
      </c>
      <c r="SMD1" s="216" t="s">
        <v>3633</v>
      </c>
      <c r="SME1" s="216" t="s">
        <v>3633</v>
      </c>
      <c r="SMF1" s="216" t="s">
        <v>3633</v>
      </c>
      <c r="SMG1" s="216" t="s">
        <v>3633</v>
      </c>
      <c r="SMH1" s="216" t="s">
        <v>3633</v>
      </c>
      <c r="SMI1" s="216" t="s">
        <v>3633</v>
      </c>
      <c r="SMJ1" s="216" t="s">
        <v>3633</v>
      </c>
      <c r="SMK1" s="216" t="s">
        <v>3633</v>
      </c>
      <c r="SML1" s="216" t="s">
        <v>3633</v>
      </c>
      <c r="SMM1" s="216" t="s">
        <v>3633</v>
      </c>
      <c r="SMN1" s="216" t="s">
        <v>3633</v>
      </c>
      <c r="SMO1" s="216" t="s">
        <v>3633</v>
      </c>
      <c r="SMP1" s="216" t="s">
        <v>3633</v>
      </c>
      <c r="SMQ1" s="216" t="s">
        <v>3633</v>
      </c>
      <c r="SMR1" s="216" t="s">
        <v>3633</v>
      </c>
      <c r="SMS1" s="216" t="s">
        <v>3633</v>
      </c>
      <c r="SMT1" s="216" t="s">
        <v>3633</v>
      </c>
      <c r="SMU1" s="216" t="s">
        <v>3633</v>
      </c>
      <c r="SMV1" s="216" t="s">
        <v>3633</v>
      </c>
      <c r="SMW1" s="216" t="s">
        <v>3633</v>
      </c>
      <c r="SMX1" s="216" t="s">
        <v>3633</v>
      </c>
      <c r="SMY1" s="216" t="s">
        <v>3633</v>
      </c>
      <c r="SMZ1" s="216" t="s">
        <v>3633</v>
      </c>
      <c r="SNA1" s="216" t="s">
        <v>3633</v>
      </c>
      <c r="SNB1" s="216" t="s">
        <v>3633</v>
      </c>
      <c r="SNC1" s="216" t="s">
        <v>3633</v>
      </c>
      <c r="SND1" s="216" t="s">
        <v>3633</v>
      </c>
      <c r="SNE1" s="216" t="s">
        <v>3633</v>
      </c>
      <c r="SNF1" s="216" t="s">
        <v>3633</v>
      </c>
      <c r="SNG1" s="216" t="s">
        <v>3633</v>
      </c>
      <c r="SNH1" s="216" t="s">
        <v>3633</v>
      </c>
      <c r="SNI1" s="216" t="s">
        <v>3633</v>
      </c>
      <c r="SNJ1" s="216" t="s">
        <v>3633</v>
      </c>
      <c r="SNK1" s="216" t="s">
        <v>3633</v>
      </c>
      <c r="SNL1" s="216" t="s">
        <v>3633</v>
      </c>
      <c r="SNM1" s="216" t="s">
        <v>3633</v>
      </c>
      <c r="SNN1" s="216" t="s">
        <v>3633</v>
      </c>
      <c r="SNO1" s="216" t="s">
        <v>3633</v>
      </c>
      <c r="SNP1" s="216" t="s">
        <v>3633</v>
      </c>
      <c r="SNQ1" s="216" t="s">
        <v>3633</v>
      </c>
      <c r="SNR1" s="216" t="s">
        <v>3633</v>
      </c>
      <c r="SNS1" s="216" t="s">
        <v>3633</v>
      </c>
      <c r="SNT1" s="216" t="s">
        <v>3633</v>
      </c>
      <c r="SNU1" s="216" t="s">
        <v>3633</v>
      </c>
      <c r="SNV1" s="216" t="s">
        <v>3633</v>
      </c>
      <c r="SNW1" s="216" t="s">
        <v>3633</v>
      </c>
      <c r="SNX1" s="216" t="s">
        <v>3633</v>
      </c>
      <c r="SNY1" s="216" t="s">
        <v>3633</v>
      </c>
      <c r="SNZ1" s="216" t="s">
        <v>3633</v>
      </c>
      <c r="SOA1" s="216" t="s">
        <v>3633</v>
      </c>
      <c r="SOB1" s="216" t="s">
        <v>3633</v>
      </c>
      <c r="SOC1" s="216" t="s">
        <v>3633</v>
      </c>
      <c r="SOD1" s="216" t="s">
        <v>3633</v>
      </c>
      <c r="SOE1" s="216" t="s">
        <v>3633</v>
      </c>
      <c r="SOF1" s="216" t="s">
        <v>3633</v>
      </c>
      <c r="SOG1" s="216" t="s">
        <v>3633</v>
      </c>
      <c r="SOH1" s="216" t="s">
        <v>3633</v>
      </c>
      <c r="SOI1" s="216" t="s">
        <v>3633</v>
      </c>
      <c r="SOJ1" s="216" t="s">
        <v>3633</v>
      </c>
      <c r="SOK1" s="216" t="s">
        <v>3633</v>
      </c>
      <c r="SOL1" s="216" t="s">
        <v>3633</v>
      </c>
      <c r="SOM1" s="216" t="s">
        <v>3633</v>
      </c>
      <c r="SON1" s="216" t="s">
        <v>3633</v>
      </c>
      <c r="SOO1" s="216" t="s">
        <v>3633</v>
      </c>
      <c r="SOP1" s="216" t="s">
        <v>3633</v>
      </c>
      <c r="SOQ1" s="216" t="s">
        <v>3633</v>
      </c>
      <c r="SOR1" s="216" t="s">
        <v>3633</v>
      </c>
      <c r="SOS1" s="216" t="s">
        <v>3633</v>
      </c>
      <c r="SOT1" s="216" t="s">
        <v>3633</v>
      </c>
      <c r="SOU1" s="216" t="s">
        <v>3633</v>
      </c>
      <c r="SOV1" s="216" t="s">
        <v>3633</v>
      </c>
      <c r="SOW1" s="216" t="s">
        <v>3633</v>
      </c>
      <c r="SOX1" s="216" t="s">
        <v>3633</v>
      </c>
      <c r="SOY1" s="216" t="s">
        <v>3633</v>
      </c>
      <c r="SOZ1" s="216" t="s">
        <v>3633</v>
      </c>
      <c r="SPA1" s="216" t="s">
        <v>3633</v>
      </c>
      <c r="SPB1" s="216" t="s">
        <v>3633</v>
      </c>
      <c r="SPC1" s="216" t="s">
        <v>3633</v>
      </c>
      <c r="SPD1" s="216" t="s">
        <v>3633</v>
      </c>
      <c r="SPE1" s="216" t="s">
        <v>3633</v>
      </c>
      <c r="SPF1" s="216" t="s">
        <v>3633</v>
      </c>
      <c r="SPG1" s="216" t="s">
        <v>3633</v>
      </c>
      <c r="SPH1" s="216" t="s">
        <v>3633</v>
      </c>
      <c r="SPI1" s="216" t="s">
        <v>3633</v>
      </c>
      <c r="SPJ1" s="216" t="s">
        <v>3633</v>
      </c>
      <c r="SPK1" s="216" t="s">
        <v>3633</v>
      </c>
      <c r="SPL1" s="216" t="s">
        <v>3633</v>
      </c>
      <c r="SPM1" s="216" t="s">
        <v>3633</v>
      </c>
      <c r="SPN1" s="216" t="s">
        <v>3633</v>
      </c>
      <c r="SPO1" s="216" t="s">
        <v>3633</v>
      </c>
      <c r="SPP1" s="216" t="s">
        <v>3633</v>
      </c>
      <c r="SPQ1" s="216" t="s">
        <v>3633</v>
      </c>
      <c r="SPR1" s="216" t="s">
        <v>3633</v>
      </c>
      <c r="SPS1" s="216" t="s">
        <v>3633</v>
      </c>
      <c r="SPT1" s="216" t="s">
        <v>3633</v>
      </c>
      <c r="SPU1" s="216" t="s">
        <v>3633</v>
      </c>
      <c r="SPV1" s="216" t="s">
        <v>3633</v>
      </c>
      <c r="SPW1" s="216" t="s">
        <v>3633</v>
      </c>
      <c r="SPX1" s="216" t="s">
        <v>3633</v>
      </c>
      <c r="SPY1" s="216" t="s">
        <v>3633</v>
      </c>
      <c r="SPZ1" s="216" t="s">
        <v>3633</v>
      </c>
      <c r="SQA1" s="216" t="s">
        <v>3633</v>
      </c>
      <c r="SQB1" s="216" t="s">
        <v>3633</v>
      </c>
      <c r="SQC1" s="216" t="s">
        <v>3633</v>
      </c>
      <c r="SQD1" s="216" t="s">
        <v>3633</v>
      </c>
      <c r="SQE1" s="216" t="s">
        <v>3633</v>
      </c>
      <c r="SQF1" s="216" t="s">
        <v>3633</v>
      </c>
      <c r="SQG1" s="216" t="s">
        <v>3633</v>
      </c>
      <c r="SQH1" s="216" t="s">
        <v>3633</v>
      </c>
      <c r="SQI1" s="216" t="s">
        <v>3633</v>
      </c>
      <c r="SQJ1" s="216" t="s">
        <v>3633</v>
      </c>
      <c r="SQK1" s="216" t="s">
        <v>3633</v>
      </c>
      <c r="SQL1" s="216" t="s">
        <v>3633</v>
      </c>
      <c r="SQM1" s="216" t="s">
        <v>3633</v>
      </c>
      <c r="SQN1" s="216" t="s">
        <v>3633</v>
      </c>
      <c r="SQO1" s="216" t="s">
        <v>3633</v>
      </c>
      <c r="SQP1" s="216" t="s">
        <v>3633</v>
      </c>
      <c r="SQQ1" s="216" t="s">
        <v>3633</v>
      </c>
      <c r="SQR1" s="216" t="s">
        <v>3633</v>
      </c>
      <c r="SQS1" s="216" t="s">
        <v>3633</v>
      </c>
      <c r="SQT1" s="216" t="s">
        <v>3633</v>
      </c>
      <c r="SQU1" s="216" t="s">
        <v>3633</v>
      </c>
      <c r="SQV1" s="216" t="s">
        <v>3633</v>
      </c>
      <c r="SQW1" s="216" t="s">
        <v>3633</v>
      </c>
      <c r="SQX1" s="216" t="s">
        <v>3633</v>
      </c>
      <c r="SQY1" s="216" t="s">
        <v>3633</v>
      </c>
      <c r="SQZ1" s="216" t="s">
        <v>3633</v>
      </c>
      <c r="SRA1" s="216" t="s">
        <v>3633</v>
      </c>
      <c r="SRB1" s="216" t="s">
        <v>3633</v>
      </c>
      <c r="SRC1" s="216" t="s">
        <v>3633</v>
      </c>
      <c r="SRD1" s="216" t="s">
        <v>3633</v>
      </c>
      <c r="SRE1" s="216" t="s">
        <v>3633</v>
      </c>
      <c r="SRF1" s="216" t="s">
        <v>3633</v>
      </c>
      <c r="SRG1" s="216" t="s">
        <v>3633</v>
      </c>
      <c r="SRH1" s="216" t="s">
        <v>3633</v>
      </c>
      <c r="SRI1" s="216" t="s">
        <v>3633</v>
      </c>
      <c r="SRJ1" s="216" t="s">
        <v>3633</v>
      </c>
      <c r="SRK1" s="216" t="s">
        <v>3633</v>
      </c>
      <c r="SRL1" s="216" t="s">
        <v>3633</v>
      </c>
      <c r="SRM1" s="216" t="s">
        <v>3633</v>
      </c>
      <c r="SRN1" s="216" t="s">
        <v>3633</v>
      </c>
      <c r="SRO1" s="216" t="s">
        <v>3633</v>
      </c>
      <c r="SRP1" s="216" t="s">
        <v>3633</v>
      </c>
      <c r="SRQ1" s="216" t="s">
        <v>3633</v>
      </c>
      <c r="SRR1" s="216" t="s">
        <v>3633</v>
      </c>
      <c r="SRS1" s="216" t="s">
        <v>3633</v>
      </c>
      <c r="SRT1" s="216" t="s">
        <v>3633</v>
      </c>
      <c r="SRU1" s="216" t="s">
        <v>3633</v>
      </c>
      <c r="SRV1" s="216" t="s">
        <v>3633</v>
      </c>
      <c r="SRW1" s="216" t="s">
        <v>3633</v>
      </c>
      <c r="SRX1" s="216" t="s">
        <v>3633</v>
      </c>
      <c r="SRY1" s="216" t="s">
        <v>3633</v>
      </c>
      <c r="SRZ1" s="216" t="s">
        <v>3633</v>
      </c>
      <c r="SSA1" s="216" t="s">
        <v>3633</v>
      </c>
      <c r="SSB1" s="216" t="s">
        <v>3633</v>
      </c>
      <c r="SSC1" s="216" t="s">
        <v>3633</v>
      </c>
      <c r="SSD1" s="216" t="s">
        <v>3633</v>
      </c>
      <c r="SSE1" s="216" t="s">
        <v>3633</v>
      </c>
      <c r="SSF1" s="216" t="s">
        <v>3633</v>
      </c>
      <c r="SSG1" s="216" t="s">
        <v>3633</v>
      </c>
      <c r="SSH1" s="216" t="s">
        <v>3633</v>
      </c>
      <c r="SSI1" s="216" t="s">
        <v>3633</v>
      </c>
      <c r="SSJ1" s="216" t="s">
        <v>3633</v>
      </c>
      <c r="SSK1" s="216" t="s">
        <v>3633</v>
      </c>
      <c r="SSL1" s="216" t="s">
        <v>3633</v>
      </c>
      <c r="SSM1" s="216" t="s">
        <v>3633</v>
      </c>
      <c r="SSN1" s="216" t="s">
        <v>3633</v>
      </c>
      <c r="SSO1" s="216" t="s">
        <v>3633</v>
      </c>
      <c r="SSP1" s="216" t="s">
        <v>3633</v>
      </c>
      <c r="SSQ1" s="216" t="s">
        <v>3633</v>
      </c>
      <c r="SSR1" s="216" t="s">
        <v>3633</v>
      </c>
      <c r="SSS1" s="216" t="s">
        <v>3633</v>
      </c>
      <c r="SST1" s="216" t="s">
        <v>3633</v>
      </c>
      <c r="SSU1" s="216" t="s">
        <v>3633</v>
      </c>
      <c r="SSV1" s="216" t="s">
        <v>3633</v>
      </c>
      <c r="SSW1" s="216" t="s">
        <v>3633</v>
      </c>
      <c r="SSX1" s="216" t="s">
        <v>3633</v>
      </c>
      <c r="SSY1" s="216" t="s">
        <v>3633</v>
      </c>
      <c r="SSZ1" s="216" t="s">
        <v>3633</v>
      </c>
      <c r="STA1" s="216" t="s">
        <v>3633</v>
      </c>
      <c r="STB1" s="216" t="s">
        <v>3633</v>
      </c>
      <c r="STC1" s="216" t="s">
        <v>3633</v>
      </c>
      <c r="STD1" s="216" t="s">
        <v>3633</v>
      </c>
      <c r="STE1" s="216" t="s">
        <v>3633</v>
      </c>
      <c r="STF1" s="216" t="s">
        <v>3633</v>
      </c>
      <c r="STG1" s="216" t="s">
        <v>3633</v>
      </c>
      <c r="STH1" s="216" t="s">
        <v>3633</v>
      </c>
      <c r="STI1" s="216" t="s">
        <v>3633</v>
      </c>
      <c r="STJ1" s="216" t="s">
        <v>3633</v>
      </c>
      <c r="STK1" s="216" t="s">
        <v>3633</v>
      </c>
      <c r="STL1" s="216" t="s">
        <v>3633</v>
      </c>
      <c r="STM1" s="216" t="s">
        <v>3633</v>
      </c>
      <c r="STN1" s="216" t="s">
        <v>3633</v>
      </c>
      <c r="STO1" s="216" t="s">
        <v>3633</v>
      </c>
      <c r="STP1" s="216" t="s">
        <v>3633</v>
      </c>
      <c r="STQ1" s="216" t="s">
        <v>3633</v>
      </c>
      <c r="STR1" s="216" t="s">
        <v>3633</v>
      </c>
      <c r="STS1" s="216" t="s">
        <v>3633</v>
      </c>
      <c r="STT1" s="216" t="s">
        <v>3633</v>
      </c>
      <c r="STU1" s="216" t="s">
        <v>3633</v>
      </c>
      <c r="STV1" s="216" t="s">
        <v>3633</v>
      </c>
      <c r="STW1" s="216" t="s">
        <v>3633</v>
      </c>
      <c r="STX1" s="216" t="s">
        <v>3633</v>
      </c>
      <c r="STY1" s="216" t="s">
        <v>3633</v>
      </c>
      <c r="STZ1" s="216" t="s">
        <v>3633</v>
      </c>
      <c r="SUA1" s="216" t="s">
        <v>3633</v>
      </c>
      <c r="SUB1" s="216" t="s">
        <v>3633</v>
      </c>
      <c r="SUC1" s="216" t="s">
        <v>3633</v>
      </c>
      <c r="SUD1" s="216" t="s">
        <v>3633</v>
      </c>
      <c r="SUE1" s="216" t="s">
        <v>3633</v>
      </c>
      <c r="SUF1" s="216" t="s">
        <v>3633</v>
      </c>
      <c r="SUG1" s="216" t="s">
        <v>3633</v>
      </c>
      <c r="SUH1" s="216" t="s">
        <v>3633</v>
      </c>
      <c r="SUI1" s="216" t="s">
        <v>3633</v>
      </c>
      <c r="SUJ1" s="216" t="s">
        <v>3633</v>
      </c>
      <c r="SUK1" s="216" t="s">
        <v>3633</v>
      </c>
      <c r="SUL1" s="216" t="s">
        <v>3633</v>
      </c>
      <c r="SUM1" s="216" t="s">
        <v>3633</v>
      </c>
      <c r="SUN1" s="216" t="s">
        <v>3633</v>
      </c>
      <c r="SUO1" s="216" t="s">
        <v>3633</v>
      </c>
      <c r="SUP1" s="216" t="s">
        <v>3633</v>
      </c>
      <c r="SUQ1" s="216" t="s">
        <v>3633</v>
      </c>
      <c r="SUR1" s="216" t="s">
        <v>3633</v>
      </c>
      <c r="SUS1" s="216" t="s">
        <v>3633</v>
      </c>
      <c r="SUT1" s="216" t="s">
        <v>3633</v>
      </c>
      <c r="SUU1" s="216" t="s">
        <v>3633</v>
      </c>
      <c r="SUV1" s="216" t="s">
        <v>3633</v>
      </c>
      <c r="SUW1" s="216" t="s">
        <v>3633</v>
      </c>
      <c r="SUX1" s="216" t="s">
        <v>3633</v>
      </c>
      <c r="SUY1" s="216" t="s">
        <v>3633</v>
      </c>
      <c r="SUZ1" s="216" t="s">
        <v>3633</v>
      </c>
      <c r="SVA1" s="216" t="s">
        <v>3633</v>
      </c>
      <c r="SVB1" s="216" t="s">
        <v>3633</v>
      </c>
      <c r="SVC1" s="216" t="s">
        <v>3633</v>
      </c>
      <c r="SVD1" s="216" t="s">
        <v>3633</v>
      </c>
      <c r="SVE1" s="216" t="s">
        <v>3633</v>
      </c>
      <c r="SVF1" s="216" t="s">
        <v>3633</v>
      </c>
      <c r="SVG1" s="216" t="s">
        <v>3633</v>
      </c>
      <c r="SVH1" s="216" t="s">
        <v>3633</v>
      </c>
      <c r="SVI1" s="216" t="s">
        <v>3633</v>
      </c>
      <c r="SVJ1" s="216" t="s">
        <v>3633</v>
      </c>
      <c r="SVK1" s="216" t="s">
        <v>3633</v>
      </c>
      <c r="SVL1" s="216" t="s">
        <v>3633</v>
      </c>
      <c r="SVM1" s="216" t="s">
        <v>3633</v>
      </c>
      <c r="SVN1" s="216" t="s">
        <v>3633</v>
      </c>
      <c r="SVO1" s="216" t="s">
        <v>3633</v>
      </c>
      <c r="SVP1" s="216" t="s">
        <v>3633</v>
      </c>
      <c r="SVQ1" s="216" t="s">
        <v>3633</v>
      </c>
      <c r="SVR1" s="216" t="s">
        <v>3633</v>
      </c>
      <c r="SVS1" s="216" t="s">
        <v>3633</v>
      </c>
      <c r="SVT1" s="216" t="s">
        <v>3633</v>
      </c>
      <c r="SVU1" s="216" t="s">
        <v>3633</v>
      </c>
      <c r="SVV1" s="216" t="s">
        <v>3633</v>
      </c>
      <c r="SVW1" s="216" t="s">
        <v>3633</v>
      </c>
      <c r="SVX1" s="216" t="s">
        <v>3633</v>
      </c>
      <c r="SVY1" s="216" t="s">
        <v>3633</v>
      </c>
      <c r="SVZ1" s="216" t="s">
        <v>3633</v>
      </c>
      <c r="SWA1" s="216" t="s">
        <v>3633</v>
      </c>
      <c r="SWB1" s="216" t="s">
        <v>3633</v>
      </c>
      <c r="SWC1" s="216" t="s">
        <v>3633</v>
      </c>
      <c r="SWD1" s="216" t="s">
        <v>3633</v>
      </c>
      <c r="SWE1" s="216" t="s">
        <v>3633</v>
      </c>
      <c r="SWF1" s="216" t="s">
        <v>3633</v>
      </c>
      <c r="SWG1" s="216" t="s">
        <v>3633</v>
      </c>
      <c r="SWH1" s="216" t="s">
        <v>3633</v>
      </c>
      <c r="SWI1" s="216" t="s">
        <v>3633</v>
      </c>
      <c r="SWJ1" s="216" t="s">
        <v>3633</v>
      </c>
      <c r="SWK1" s="216" t="s">
        <v>3633</v>
      </c>
      <c r="SWL1" s="216" t="s">
        <v>3633</v>
      </c>
      <c r="SWM1" s="216" t="s">
        <v>3633</v>
      </c>
      <c r="SWN1" s="216" t="s">
        <v>3633</v>
      </c>
      <c r="SWO1" s="216" t="s">
        <v>3633</v>
      </c>
      <c r="SWP1" s="216" t="s">
        <v>3633</v>
      </c>
      <c r="SWQ1" s="216" t="s">
        <v>3633</v>
      </c>
      <c r="SWR1" s="216" t="s">
        <v>3633</v>
      </c>
      <c r="SWS1" s="216" t="s">
        <v>3633</v>
      </c>
      <c r="SWT1" s="216" t="s">
        <v>3633</v>
      </c>
      <c r="SWU1" s="216" t="s">
        <v>3633</v>
      </c>
      <c r="SWV1" s="216" t="s">
        <v>3633</v>
      </c>
      <c r="SWW1" s="216" t="s">
        <v>3633</v>
      </c>
      <c r="SWX1" s="216" t="s">
        <v>3633</v>
      </c>
      <c r="SWY1" s="216" t="s">
        <v>3633</v>
      </c>
      <c r="SWZ1" s="216" t="s">
        <v>3633</v>
      </c>
      <c r="SXA1" s="216" t="s">
        <v>3633</v>
      </c>
      <c r="SXB1" s="216" t="s">
        <v>3633</v>
      </c>
      <c r="SXC1" s="216" t="s">
        <v>3633</v>
      </c>
      <c r="SXD1" s="216" t="s">
        <v>3633</v>
      </c>
      <c r="SXE1" s="216" t="s">
        <v>3633</v>
      </c>
      <c r="SXF1" s="216" t="s">
        <v>3633</v>
      </c>
      <c r="SXG1" s="216" t="s">
        <v>3633</v>
      </c>
      <c r="SXH1" s="216" t="s">
        <v>3633</v>
      </c>
      <c r="SXI1" s="216" t="s">
        <v>3633</v>
      </c>
      <c r="SXJ1" s="216" t="s">
        <v>3633</v>
      </c>
      <c r="SXK1" s="216" t="s">
        <v>3633</v>
      </c>
      <c r="SXL1" s="216" t="s">
        <v>3633</v>
      </c>
      <c r="SXM1" s="216" t="s">
        <v>3633</v>
      </c>
      <c r="SXN1" s="216" t="s">
        <v>3633</v>
      </c>
      <c r="SXO1" s="216" t="s">
        <v>3633</v>
      </c>
      <c r="SXP1" s="216" t="s">
        <v>3633</v>
      </c>
      <c r="SXQ1" s="216" t="s">
        <v>3633</v>
      </c>
      <c r="SXR1" s="216" t="s">
        <v>3633</v>
      </c>
      <c r="SXS1" s="216" t="s">
        <v>3633</v>
      </c>
      <c r="SXT1" s="216" t="s">
        <v>3633</v>
      </c>
      <c r="SXU1" s="216" t="s">
        <v>3633</v>
      </c>
      <c r="SXV1" s="216" t="s">
        <v>3633</v>
      </c>
      <c r="SXW1" s="216" t="s">
        <v>3633</v>
      </c>
      <c r="SXX1" s="216" t="s">
        <v>3633</v>
      </c>
      <c r="SXY1" s="216" t="s">
        <v>3633</v>
      </c>
      <c r="SXZ1" s="216" t="s">
        <v>3633</v>
      </c>
      <c r="SYA1" s="216" t="s">
        <v>3633</v>
      </c>
      <c r="SYB1" s="216" t="s">
        <v>3633</v>
      </c>
      <c r="SYC1" s="216" t="s">
        <v>3633</v>
      </c>
      <c r="SYD1" s="216" t="s">
        <v>3633</v>
      </c>
      <c r="SYE1" s="216" t="s">
        <v>3633</v>
      </c>
      <c r="SYF1" s="216" t="s">
        <v>3633</v>
      </c>
      <c r="SYG1" s="216" t="s">
        <v>3633</v>
      </c>
      <c r="SYH1" s="216" t="s">
        <v>3633</v>
      </c>
      <c r="SYI1" s="216" t="s">
        <v>3633</v>
      </c>
      <c r="SYJ1" s="216" t="s">
        <v>3633</v>
      </c>
      <c r="SYK1" s="216" t="s">
        <v>3633</v>
      </c>
      <c r="SYL1" s="216" t="s">
        <v>3633</v>
      </c>
      <c r="SYM1" s="216" t="s">
        <v>3633</v>
      </c>
      <c r="SYN1" s="216" t="s">
        <v>3633</v>
      </c>
      <c r="SYO1" s="216" t="s">
        <v>3633</v>
      </c>
      <c r="SYP1" s="216" t="s">
        <v>3633</v>
      </c>
      <c r="SYQ1" s="216" t="s">
        <v>3633</v>
      </c>
      <c r="SYR1" s="216" t="s">
        <v>3633</v>
      </c>
      <c r="SYS1" s="216" t="s">
        <v>3633</v>
      </c>
      <c r="SYT1" s="216" t="s">
        <v>3633</v>
      </c>
      <c r="SYU1" s="216" t="s">
        <v>3633</v>
      </c>
      <c r="SYV1" s="216" t="s">
        <v>3633</v>
      </c>
      <c r="SYW1" s="216" t="s">
        <v>3633</v>
      </c>
      <c r="SYX1" s="216" t="s">
        <v>3633</v>
      </c>
      <c r="SYY1" s="216" t="s">
        <v>3633</v>
      </c>
      <c r="SYZ1" s="216" t="s">
        <v>3633</v>
      </c>
      <c r="SZA1" s="216" t="s">
        <v>3633</v>
      </c>
      <c r="SZB1" s="216" t="s">
        <v>3633</v>
      </c>
      <c r="SZC1" s="216" t="s">
        <v>3633</v>
      </c>
      <c r="SZD1" s="216" t="s">
        <v>3633</v>
      </c>
      <c r="SZE1" s="216" t="s">
        <v>3633</v>
      </c>
      <c r="SZF1" s="216" t="s">
        <v>3633</v>
      </c>
      <c r="SZG1" s="216" t="s">
        <v>3633</v>
      </c>
      <c r="SZH1" s="216" t="s">
        <v>3633</v>
      </c>
      <c r="SZI1" s="216" t="s">
        <v>3633</v>
      </c>
      <c r="SZJ1" s="216" t="s">
        <v>3633</v>
      </c>
      <c r="SZK1" s="216" t="s">
        <v>3633</v>
      </c>
      <c r="SZL1" s="216" t="s">
        <v>3633</v>
      </c>
      <c r="SZM1" s="216" t="s">
        <v>3633</v>
      </c>
      <c r="SZN1" s="216" t="s">
        <v>3633</v>
      </c>
      <c r="SZO1" s="216" t="s">
        <v>3633</v>
      </c>
      <c r="SZP1" s="216" t="s">
        <v>3633</v>
      </c>
      <c r="SZQ1" s="216" t="s">
        <v>3633</v>
      </c>
      <c r="SZR1" s="216" t="s">
        <v>3633</v>
      </c>
      <c r="SZS1" s="216" t="s">
        <v>3633</v>
      </c>
      <c r="SZT1" s="216" t="s">
        <v>3633</v>
      </c>
      <c r="SZU1" s="216" t="s">
        <v>3633</v>
      </c>
      <c r="SZV1" s="216" t="s">
        <v>3633</v>
      </c>
      <c r="SZW1" s="216" t="s">
        <v>3633</v>
      </c>
      <c r="SZX1" s="216" t="s">
        <v>3633</v>
      </c>
      <c r="SZY1" s="216" t="s">
        <v>3633</v>
      </c>
      <c r="SZZ1" s="216" t="s">
        <v>3633</v>
      </c>
      <c r="TAA1" s="216" t="s">
        <v>3633</v>
      </c>
      <c r="TAB1" s="216" t="s">
        <v>3633</v>
      </c>
      <c r="TAC1" s="216" t="s">
        <v>3633</v>
      </c>
      <c r="TAD1" s="216" t="s">
        <v>3633</v>
      </c>
      <c r="TAE1" s="216" t="s">
        <v>3633</v>
      </c>
      <c r="TAF1" s="216" t="s">
        <v>3633</v>
      </c>
      <c r="TAG1" s="216" t="s">
        <v>3633</v>
      </c>
      <c r="TAH1" s="216" t="s">
        <v>3633</v>
      </c>
      <c r="TAI1" s="216" t="s">
        <v>3633</v>
      </c>
      <c r="TAJ1" s="216" t="s">
        <v>3633</v>
      </c>
      <c r="TAK1" s="216" t="s">
        <v>3633</v>
      </c>
      <c r="TAL1" s="216" t="s">
        <v>3633</v>
      </c>
      <c r="TAM1" s="216" t="s">
        <v>3633</v>
      </c>
      <c r="TAN1" s="216" t="s">
        <v>3633</v>
      </c>
      <c r="TAO1" s="216" t="s">
        <v>3633</v>
      </c>
      <c r="TAP1" s="216" t="s">
        <v>3633</v>
      </c>
      <c r="TAQ1" s="216" t="s">
        <v>3633</v>
      </c>
      <c r="TAR1" s="216" t="s">
        <v>3633</v>
      </c>
      <c r="TAS1" s="216" t="s">
        <v>3633</v>
      </c>
      <c r="TAT1" s="216" t="s">
        <v>3633</v>
      </c>
      <c r="TAU1" s="216" t="s">
        <v>3633</v>
      </c>
      <c r="TAV1" s="216" t="s">
        <v>3633</v>
      </c>
      <c r="TAW1" s="216" t="s">
        <v>3633</v>
      </c>
      <c r="TAX1" s="216" t="s">
        <v>3633</v>
      </c>
      <c r="TAY1" s="216" t="s">
        <v>3633</v>
      </c>
      <c r="TAZ1" s="216" t="s">
        <v>3633</v>
      </c>
      <c r="TBA1" s="216" t="s">
        <v>3633</v>
      </c>
      <c r="TBB1" s="216" t="s">
        <v>3633</v>
      </c>
      <c r="TBC1" s="216" t="s">
        <v>3633</v>
      </c>
      <c r="TBD1" s="216" t="s">
        <v>3633</v>
      </c>
      <c r="TBE1" s="216" t="s">
        <v>3633</v>
      </c>
      <c r="TBF1" s="216" t="s">
        <v>3633</v>
      </c>
      <c r="TBG1" s="216" t="s">
        <v>3633</v>
      </c>
      <c r="TBH1" s="216" t="s">
        <v>3633</v>
      </c>
      <c r="TBI1" s="216" t="s">
        <v>3633</v>
      </c>
      <c r="TBJ1" s="216" t="s">
        <v>3633</v>
      </c>
      <c r="TBK1" s="216" t="s">
        <v>3633</v>
      </c>
      <c r="TBL1" s="216" t="s">
        <v>3633</v>
      </c>
      <c r="TBM1" s="216" t="s">
        <v>3633</v>
      </c>
      <c r="TBN1" s="216" t="s">
        <v>3633</v>
      </c>
      <c r="TBO1" s="216" t="s">
        <v>3633</v>
      </c>
      <c r="TBP1" s="216" t="s">
        <v>3633</v>
      </c>
      <c r="TBQ1" s="216" t="s">
        <v>3633</v>
      </c>
      <c r="TBR1" s="216" t="s">
        <v>3633</v>
      </c>
      <c r="TBS1" s="216" t="s">
        <v>3633</v>
      </c>
      <c r="TBT1" s="216" t="s">
        <v>3633</v>
      </c>
      <c r="TBU1" s="216" t="s">
        <v>3633</v>
      </c>
      <c r="TBV1" s="216" t="s">
        <v>3633</v>
      </c>
      <c r="TBW1" s="216" t="s">
        <v>3633</v>
      </c>
      <c r="TBX1" s="216" t="s">
        <v>3633</v>
      </c>
      <c r="TBY1" s="216" t="s">
        <v>3633</v>
      </c>
      <c r="TBZ1" s="216" t="s">
        <v>3633</v>
      </c>
      <c r="TCA1" s="216" t="s">
        <v>3633</v>
      </c>
      <c r="TCB1" s="216" t="s">
        <v>3633</v>
      </c>
      <c r="TCC1" s="216" t="s">
        <v>3633</v>
      </c>
      <c r="TCD1" s="216" t="s">
        <v>3633</v>
      </c>
      <c r="TCE1" s="216" t="s">
        <v>3633</v>
      </c>
      <c r="TCF1" s="216" t="s">
        <v>3633</v>
      </c>
      <c r="TCG1" s="216" t="s">
        <v>3633</v>
      </c>
      <c r="TCH1" s="216" t="s">
        <v>3633</v>
      </c>
      <c r="TCI1" s="216" t="s">
        <v>3633</v>
      </c>
      <c r="TCJ1" s="216" t="s">
        <v>3633</v>
      </c>
      <c r="TCK1" s="216" t="s">
        <v>3633</v>
      </c>
      <c r="TCL1" s="216" t="s">
        <v>3633</v>
      </c>
      <c r="TCM1" s="216" t="s">
        <v>3633</v>
      </c>
      <c r="TCN1" s="216" t="s">
        <v>3633</v>
      </c>
      <c r="TCO1" s="216" t="s">
        <v>3633</v>
      </c>
      <c r="TCP1" s="216" t="s">
        <v>3633</v>
      </c>
      <c r="TCQ1" s="216" t="s">
        <v>3633</v>
      </c>
      <c r="TCR1" s="216" t="s">
        <v>3633</v>
      </c>
      <c r="TCS1" s="216" t="s">
        <v>3633</v>
      </c>
      <c r="TCT1" s="216" t="s">
        <v>3633</v>
      </c>
      <c r="TCU1" s="216" t="s">
        <v>3633</v>
      </c>
      <c r="TCV1" s="216" t="s">
        <v>3633</v>
      </c>
      <c r="TCW1" s="216" t="s">
        <v>3633</v>
      </c>
      <c r="TCX1" s="216" t="s">
        <v>3633</v>
      </c>
      <c r="TCY1" s="216" t="s">
        <v>3633</v>
      </c>
      <c r="TCZ1" s="216" t="s">
        <v>3633</v>
      </c>
      <c r="TDA1" s="216" t="s">
        <v>3633</v>
      </c>
      <c r="TDB1" s="216" t="s">
        <v>3633</v>
      </c>
      <c r="TDC1" s="216" t="s">
        <v>3633</v>
      </c>
      <c r="TDD1" s="216" t="s">
        <v>3633</v>
      </c>
      <c r="TDE1" s="216" t="s">
        <v>3633</v>
      </c>
      <c r="TDF1" s="216" t="s">
        <v>3633</v>
      </c>
      <c r="TDG1" s="216" t="s">
        <v>3633</v>
      </c>
      <c r="TDH1" s="216" t="s">
        <v>3633</v>
      </c>
      <c r="TDI1" s="216" t="s">
        <v>3633</v>
      </c>
      <c r="TDJ1" s="216" t="s">
        <v>3633</v>
      </c>
      <c r="TDK1" s="216" t="s">
        <v>3633</v>
      </c>
      <c r="TDL1" s="216" t="s">
        <v>3633</v>
      </c>
      <c r="TDM1" s="216" t="s">
        <v>3633</v>
      </c>
      <c r="TDN1" s="216" t="s">
        <v>3633</v>
      </c>
      <c r="TDO1" s="216" t="s">
        <v>3633</v>
      </c>
      <c r="TDP1" s="216" t="s">
        <v>3633</v>
      </c>
      <c r="TDQ1" s="216" t="s">
        <v>3633</v>
      </c>
      <c r="TDR1" s="216" t="s">
        <v>3633</v>
      </c>
      <c r="TDS1" s="216" t="s">
        <v>3633</v>
      </c>
      <c r="TDT1" s="216" t="s">
        <v>3633</v>
      </c>
      <c r="TDU1" s="216" t="s">
        <v>3633</v>
      </c>
      <c r="TDV1" s="216" t="s">
        <v>3633</v>
      </c>
      <c r="TDW1" s="216" t="s">
        <v>3633</v>
      </c>
      <c r="TDX1" s="216" t="s">
        <v>3633</v>
      </c>
      <c r="TDY1" s="216" t="s">
        <v>3633</v>
      </c>
      <c r="TDZ1" s="216" t="s">
        <v>3633</v>
      </c>
      <c r="TEA1" s="216" t="s">
        <v>3633</v>
      </c>
      <c r="TEB1" s="216" t="s">
        <v>3633</v>
      </c>
      <c r="TEC1" s="216" t="s">
        <v>3633</v>
      </c>
      <c r="TED1" s="216" t="s">
        <v>3633</v>
      </c>
      <c r="TEE1" s="216" t="s">
        <v>3633</v>
      </c>
      <c r="TEF1" s="216" t="s">
        <v>3633</v>
      </c>
      <c r="TEG1" s="216" t="s">
        <v>3633</v>
      </c>
      <c r="TEH1" s="216" t="s">
        <v>3633</v>
      </c>
      <c r="TEI1" s="216" t="s">
        <v>3633</v>
      </c>
      <c r="TEJ1" s="216" t="s">
        <v>3633</v>
      </c>
      <c r="TEK1" s="216" t="s">
        <v>3633</v>
      </c>
      <c r="TEL1" s="216" t="s">
        <v>3633</v>
      </c>
      <c r="TEM1" s="216" t="s">
        <v>3633</v>
      </c>
      <c r="TEN1" s="216" t="s">
        <v>3633</v>
      </c>
      <c r="TEO1" s="216" t="s">
        <v>3633</v>
      </c>
      <c r="TEP1" s="216" t="s">
        <v>3633</v>
      </c>
      <c r="TEQ1" s="216" t="s">
        <v>3633</v>
      </c>
      <c r="TER1" s="216" t="s">
        <v>3633</v>
      </c>
      <c r="TES1" s="216" t="s">
        <v>3633</v>
      </c>
      <c r="TET1" s="216" t="s">
        <v>3633</v>
      </c>
      <c r="TEU1" s="216" t="s">
        <v>3633</v>
      </c>
      <c r="TEV1" s="216" t="s">
        <v>3633</v>
      </c>
      <c r="TEW1" s="216" t="s">
        <v>3633</v>
      </c>
      <c r="TEX1" s="216" t="s">
        <v>3633</v>
      </c>
      <c r="TEY1" s="216" t="s">
        <v>3633</v>
      </c>
      <c r="TEZ1" s="216" t="s">
        <v>3633</v>
      </c>
      <c r="TFA1" s="216" t="s">
        <v>3633</v>
      </c>
      <c r="TFB1" s="216" t="s">
        <v>3633</v>
      </c>
      <c r="TFC1" s="216" t="s">
        <v>3633</v>
      </c>
      <c r="TFD1" s="216" t="s">
        <v>3633</v>
      </c>
      <c r="TFE1" s="216" t="s">
        <v>3633</v>
      </c>
      <c r="TFF1" s="216" t="s">
        <v>3633</v>
      </c>
      <c r="TFG1" s="216" t="s">
        <v>3633</v>
      </c>
      <c r="TFH1" s="216" t="s">
        <v>3633</v>
      </c>
      <c r="TFI1" s="216" t="s">
        <v>3633</v>
      </c>
      <c r="TFJ1" s="216" t="s">
        <v>3633</v>
      </c>
      <c r="TFK1" s="216" t="s">
        <v>3633</v>
      </c>
      <c r="TFL1" s="216" t="s">
        <v>3633</v>
      </c>
      <c r="TFM1" s="216" t="s">
        <v>3633</v>
      </c>
      <c r="TFN1" s="216" t="s">
        <v>3633</v>
      </c>
      <c r="TFO1" s="216" t="s">
        <v>3633</v>
      </c>
      <c r="TFP1" s="216" t="s">
        <v>3633</v>
      </c>
      <c r="TFQ1" s="216" t="s">
        <v>3633</v>
      </c>
      <c r="TFR1" s="216" t="s">
        <v>3633</v>
      </c>
      <c r="TFS1" s="216" t="s">
        <v>3633</v>
      </c>
      <c r="TFT1" s="216" t="s">
        <v>3633</v>
      </c>
      <c r="TFU1" s="216" t="s">
        <v>3633</v>
      </c>
      <c r="TFV1" s="216" t="s">
        <v>3633</v>
      </c>
      <c r="TFW1" s="216" t="s">
        <v>3633</v>
      </c>
      <c r="TFX1" s="216" t="s">
        <v>3633</v>
      </c>
      <c r="TFY1" s="216" t="s">
        <v>3633</v>
      </c>
      <c r="TFZ1" s="216" t="s">
        <v>3633</v>
      </c>
      <c r="TGA1" s="216" t="s">
        <v>3633</v>
      </c>
      <c r="TGB1" s="216" t="s">
        <v>3633</v>
      </c>
      <c r="TGC1" s="216" t="s">
        <v>3633</v>
      </c>
      <c r="TGD1" s="216" t="s">
        <v>3633</v>
      </c>
      <c r="TGE1" s="216" t="s">
        <v>3633</v>
      </c>
      <c r="TGF1" s="216" t="s">
        <v>3633</v>
      </c>
      <c r="TGG1" s="216" t="s">
        <v>3633</v>
      </c>
      <c r="TGH1" s="216" t="s">
        <v>3633</v>
      </c>
      <c r="TGI1" s="216" t="s">
        <v>3633</v>
      </c>
      <c r="TGJ1" s="216" t="s">
        <v>3633</v>
      </c>
      <c r="TGK1" s="216" t="s">
        <v>3633</v>
      </c>
      <c r="TGL1" s="216" t="s">
        <v>3633</v>
      </c>
      <c r="TGM1" s="216" t="s">
        <v>3633</v>
      </c>
      <c r="TGN1" s="216" t="s">
        <v>3633</v>
      </c>
      <c r="TGO1" s="216" t="s">
        <v>3633</v>
      </c>
      <c r="TGP1" s="216" t="s">
        <v>3633</v>
      </c>
      <c r="TGQ1" s="216" t="s">
        <v>3633</v>
      </c>
      <c r="TGR1" s="216" t="s">
        <v>3633</v>
      </c>
      <c r="TGS1" s="216" t="s">
        <v>3633</v>
      </c>
      <c r="TGT1" s="216" t="s">
        <v>3633</v>
      </c>
      <c r="TGU1" s="216" t="s">
        <v>3633</v>
      </c>
      <c r="TGV1" s="216" t="s">
        <v>3633</v>
      </c>
      <c r="TGW1" s="216" t="s">
        <v>3633</v>
      </c>
      <c r="TGX1" s="216" t="s">
        <v>3633</v>
      </c>
      <c r="TGY1" s="216" t="s">
        <v>3633</v>
      </c>
      <c r="TGZ1" s="216" t="s">
        <v>3633</v>
      </c>
      <c r="THA1" s="216" t="s">
        <v>3633</v>
      </c>
      <c r="THB1" s="216" t="s">
        <v>3633</v>
      </c>
      <c r="THC1" s="216" t="s">
        <v>3633</v>
      </c>
      <c r="THD1" s="216" t="s">
        <v>3633</v>
      </c>
      <c r="THE1" s="216" t="s">
        <v>3633</v>
      </c>
      <c r="THF1" s="216" t="s">
        <v>3633</v>
      </c>
      <c r="THG1" s="216" t="s">
        <v>3633</v>
      </c>
      <c r="THH1" s="216" t="s">
        <v>3633</v>
      </c>
      <c r="THI1" s="216" t="s">
        <v>3633</v>
      </c>
      <c r="THJ1" s="216" t="s">
        <v>3633</v>
      </c>
      <c r="THK1" s="216" t="s">
        <v>3633</v>
      </c>
      <c r="THL1" s="216" t="s">
        <v>3633</v>
      </c>
      <c r="THM1" s="216" t="s">
        <v>3633</v>
      </c>
      <c r="THN1" s="216" t="s">
        <v>3633</v>
      </c>
      <c r="THO1" s="216" t="s">
        <v>3633</v>
      </c>
      <c r="THP1" s="216" t="s">
        <v>3633</v>
      </c>
      <c r="THQ1" s="216" t="s">
        <v>3633</v>
      </c>
      <c r="THR1" s="216" t="s">
        <v>3633</v>
      </c>
      <c r="THS1" s="216" t="s">
        <v>3633</v>
      </c>
      <c r="THT1" s="216" t="s">
        <v>3633</v>
      </c>
      <c r="THU1" s="216" t="s">
        <v>3633</v>
      </c>
      <c r="THV1" s="216" t="s">
        <v>3633</v>
      </c>
      <c r="THW1" s="216" t="s">
        <v>3633</v>
      </c>
      <c r="THX1" s="216" t="s">
        <v>3633</v>
      </c>
      <c r="THY1" s="216" t="s">
        <v>3633</v>
      </c>
      <c r="THZ1" s="216" t="s">
        <v>3633</v>
      </c>
      <c r="TIA1" s="216" t="s">
        <v>3633</v>
      </c>
      <c r="TIB1" s="216" t="s">
        <v>3633</v>
      </c>
      <c r="TIC1" s="216" t="s">
        <v>3633</v>
      </c>
      <c r="TID1" s="216" t="s">
        <v>3633</v>
      </c>
      <c r="TIE1" s="216" t="s">
        <v>3633</v>
      </c>
      <c r="TIF1" s="216" t="s">
        <v>3633</v>
      </c>
      <c r="TIG1" s="216" t="s">
        <v>3633</v>
      </c>
      <c r="TIH1" s="216" t="s">
        <v>3633</v>
      </c>
      <c r="TII1" s="216" t="s">
        <v>3633</v>
      </c>
      <c r="TIJ1" s="216" t="s">
        <v>3633</v>
      </c>
      <c r="TIK1" s="216" t="s">
        <v>3633</v>
      </c>
      <c r="TIL1" s="216" t="s">
        <v>3633</v>
      </c>
      <c r="TIM1" s="216" t="s">
        <v>3633</v>
      </c>
      <c r="TIN1" s="216" t="s">
        <v>3633</v>
      </c>
      <c r="TIO1" s="216" t="s">
        <v>3633</v>
      </c>
      <c r="TIP1" s="216" t="s">
        <v>3633</v>
      </c>
      <c r="TIQ1" s="216" t="s">
        <v>3633</v>
      </c>
      <c r="TIR1" s="216" t="s">
        <v>3633</v>
      </c>
      <c r="TIS1" s="216" t="s">
        <v>3633</v>
      </c>
      <c r="TIT1" s="216" t="s">
        <v>3633</v>
      </c>
      <c r="TIU1" s="216" t="s">
        <v>3633</v>
      </c>
      <c r="TIV1" s="216" t="s">
        <v>3633</v>
      </c>
      <c r="TIW1" s="216" t="s">
        <v>3633</v>
      </c>
      <c r="TIX1" s="216" t="s">
        <v>3633</v>
      </c>
      <c r="TIY1" s="216" t="s">
        <v>3633</v>
      </c>
      <c r="TIZ1" s="216" t="s">
        <v>3633</v>
      </c>
      <c r="TJA1" s="216" t="s">
        <v>3633</v>
      </c>
      <c r="TJB1" s="216" t="s">
        <v>3633</v>
      </c>
      <c r="TJC1" s="216" t="s">
        <v>3633</v>
      </c>
      <c r="TJD1" s="216" t="s">
        <v>3633</v>
      </c>
      <c r="TJE1" s="216" t="s">
        <v>3633</v>
      </c>
      <c r="TJF1" s="216" t="s">
        <v>3633</v>
      </c>
      <c r="TJG1" s="216" t="s">
        <v>3633</v>
      </c>
      <c r="TJH1" s="216" t="s">
        <v>3633</v>
      </c>
      <c r="TJI1" s="216" t="s">
        <v>3633</v>
      </c>
      <c r="TJJ1" s="216" t="s">
        <v>3633</v>
      </c>
      <c r="TJK1" s="216" t="s">
        <v>3633</v>
      </c>
      <c r="TJL1" s="216" t="s">
        <v>3633</v>
      </c>
      <c r="TJM1" s="216" t="s">
        <v>3633</v>
      </c>
      <c r="TJN1" s="216" t="s">
        <v>3633</v>
      </c>
      <c r="TJO1" s="216" t="s">
        <v>3633</v>
      </c>
      <c r="TJP1" s="216" t="s">
        <v>3633</v>
      </c>
      <c r="TJQ1" s="216" t="s">
        <v>3633</v>
      </c>
      <c r="TJR1" s="216" t="s">
        <v>3633</v>
      </c>
      <c r="TJS1" s="216" t="s">
        <v>3633</v>
      </c>
      <c r="TJT1" s="216" t="s">
        <v>3633</v>
      </c>
      <c r="TJU1" s="216" t="s">
        <v>3633</v>
      </c>
      <c r="TJV1" s="216" t="s">
        <v>3633</v>
      </c>
      <c r="TJW1" s="216" t="s">
        <v>3633</v>
      </c>
      <c r="TJX1" s="216" t="s">
        <v>3633</v>
      </c>
      <c r="TJY1" s="216" t="s">
        <v>3633</v>
      </c>
      <c r="TJZ1" s="216" t="s">
        <v>3633</v>
      </c>
      <c r="TKA1" s="216" t="s">
        <v>3633</v>
      </c>
      <c r="TKB1" s="216" t="s">
        <v>3633</v>
      </c>
      <c r="TKC1" s="216" t="s">
        <v>3633</v>
      </c>
      <c r="TKD1" s="216" t="s">
        <v>3633</v>
      </c>
      <c r="TKE1" s="216" t="s">
        <v>3633</v>
      </c>
      <c r="TKF1" s="216" t="s">
        <v>3633</v>
      </c>
      <c r="TKG1" s="216" t="s">
        <v>3633</v>
      </c>
      <c r="TKH1" s="216" t="s">
        <v>3633</v>
      </c>
      <c r="TKI1" s="216" t="s">
        <v>3633</v>
      </c>
      <c r="TKJ1" s="216" t="s">
        <v>3633</v>
      </c>
      <c r="TKK1" s="216" t="s">
        <v>3633</v>
      </c>
      <c r="TKL1" s="216" t="s">
        <v>3633</v>
      </c>
      <c r="TKM1" s="216" t="s">
        <v>3633</v>
      </c>
      <c r="TKN1" s="216" t="s">
        <v>3633</v>
      </c>
      <c r="TKO1" s="216" t="s">
        <v>3633</v>
      </c>
      <c r="TKP1" s="216" t="s">
        <v>3633</v>
      </c>
      <c r="TKQ1" s="216" t="s">
        <v>3633</v>
      </c>
      <c r="TKR1" s="216" t="s">
        <v>3633</v>
      </c>
      <c r="TKS1" s="216" t="s">
        <v>3633</v>
      </c>
      <c r="TKT1" s="216" t="s">
        <v>3633</v>
      </c>
      <c r="TKU1" s="216" t="s">
        <v>3633</v>
      </c>
      <c r="TKV1" s="216" t="s">
        <v>3633</v>
      </c>
      <c r="TKW1" s="216" t="s">
        <v>3633</v>
      </c>
      <c r="TKX1" s="216" t="s">
        <v>3633</v>
      </c>
      <c r="TKY1" s="216" t="s">
        <v>3633</v>
      </c>
      <c r="TKZ1" s="216" t="s">
        <v>3633</v>
      </c>
      <c r="TLA1" s="216" t="s">
        <v>3633</v>
      </c>
      <c r="TLB1" s="216" t="s">
        <v>3633</v>
      </c>
      <c r="TLC1" s="216" t="s">
        <v>3633</v>
      </c>
      <c r="TLD1" s="216" t="s">
        <v>3633</v>
      </c>
      <c r="TLE1" s="216" t="s">
        <v>3633</v>
      </c>
      <c r="TLF1" s="216" t="s">
        <v>3633</v>
      </c>
      <c r="TLG1" s="216" t="s">
        <v>3633</v>
      </c>
      <c r="TLH1" s="216" t="s">
        <v>3633</v>
      </c>
      <c r="TLI1" s="216" t="s">
        <v>3633</v>
      </c>
      <c r="TLJ1" s="216" t="s">
        <v>3633</v>
      </c>
      <c r="TLK1" s="216" t="s">
        <v>3633</v>
      </c>
      <c r="TLL1" s="216" t="s">
        <v>3633</v>
      </c>
      <c r="TLM1" s="216" t="s">
        <v>3633</v>
      </c>
      <c r="TLN1" s="216" t="s">
        <v>3633</v>
      </c>
      <c r="TLO1" s="216" t="s">
        <v>3633</v>
      </c>
      <c r="TLP1" s="216" t="s">
        <v>3633</v>
      </c>
      <c r="TLQ1" s="216" t="s">
        <v>3633</v>
      </c>
      <c r="TLR1" s="216" t="s">
        <v>3633</v>
      </c>
      <c r="TLS1" s="216" t="s">
        <v>3633</v>
      </c>
      <c r="TLT1" s="216" t="s">
        <v>3633</v>
      </c>
      <c r="TLU1" s="216" t="s">
        <v>3633</v>
      </c>
      <c r="TLV1" s="216" t="s">
        <v>3633</v>
      </c>
      <c r="TLW1" s="216" t="s">
        <v>3633</v>
      </c>
      <c r="TLX1" s="216" t="s">
        <v>3633</v>
      </c>
      <c r="TLY1" s="216" t="s">
        <v>3633</v>
      </c>
      <c r="TLZ1" s="216" t="s">
        <v>3633</v>
      </c>
      <c r="TMA1" s="216" t="s">
        <v>3633</v>
      </c>
      <c r="TMB1" s="216" t="s">
        <v>3633</v>
      </c>
      <c r="TMC1" s="216" t="s">
        <v>3633</v>
      </c>
      <c r="TMD1" s="216" t="s">
        <v>3633</v>
      </c>
      <c r="TME1" s="216" t="s">
        <v>3633</v>
      </c>
      <c r="TMF1" s="216" t="s">
        <v>3633</v>
      </c>
      <c r="TMG1" s="216" t="s">
        <v>3633</v>
      </c>
      <c r="TMH1" s="216" t="s">
        <v>3633</v>
      </c>
      <c r="TMI1" s="216" t="s">
        <v>3633</v>
      </c>
      <c r="TMJ1" s="216" t="s">
        <v>3633</v>
      </c>
      <c r="TMK1" s="216" t="s">
        <v>3633</v>
      </c>
      <c r="TML1" s="216" t="s">
        <v>3633</v>
      </c>
      <c r="TMM1" s="216" t="s">
        <v>3633</v>
      </c>
      <c r="TMN1" s="216" t="s">
        <v>3633</v>
      </c>
      <c r="TMO1" s="216" t="s">
        <v>3633</v>
      </c>
      <c r="TMP1" s="216" t="s">
        <v>3633</v>
      </c>
      <c r="TMQ1" s="216" t="s">
        <v>3633</v>
      </c>
      <c r="TMR1" s="216" t="s">
        <v>3633</v>
      </c>
      <c r="TMS1" s="216" t="s">
        <v>3633</v>
      </c>
      <c r="TMT1" s="216" t="s">
        <v>3633</v>
      </c>
      <c r="TMU1" s="216" t="s">
        <v>3633</v>
      </c>
      <c r="TMV1" s="216" t="s">
        <v>3633</v>
      </c>
      <c r="TMW1" s="216" t="s">
        <v>3633</v>
      </c>
      <c r="TMX1" s="216" t="s">
        <v>3633</v>
      </c>
      <c r="TMY1" s="216" t="s">
        <v>3633</v>
      </c>
      <c r="TMZ1" s="216" t="s">
        <v>3633</v>
      </c>
      <c r="TNA1" s="216" t="s">
        <v>3633</v>
      </c>
      <c r="TNB1" s="216" t="s">
        <v>3633</v>
      </c>
      <c r="TNC1" s="216" t="s">
        <v>3633</v>
      </c>
      <c r="TND1" s="216" t="s">
        <v>3633</v>
      </c>
      <c r="TNE1" s="216" t="s">
        <v>3633</v>
      </c>
      <c r="TNF1" s="216" t="s">
        <v>3633</v>
      </c>
      <c r="TNG1" s="216" t="s">
        <v>3633</v>
      </c>
      <c r="TNH1" s="216" t="s">
        <v>3633</v>
      </c>
      <c r="TNI1" s="216" t="s">
        <v>3633</v>
      </c>
      <c r="TNJ1" s="216" t="s">
        <v>3633</v>
      </c>
      <c r="TNK1" s="216" t="s">
        <v>3633</v>
      </c>
      <c r="TNL1" s="216" t="s">
        <v>3633</v>
      </c>
      <c r="TNM1" s="216" t="s">
        <v>3633</v>
      </c>
      <c r="TNN1" s="216" t="s">
        <v>3633</v>
      </c>
      <c r="TNO1" s="216" t="s">
        <v>3633</v>
      </c>
      <c r="TNP1" s="216" t="s">
        <v>3633</v>
      </c>
      <c r="TNQ1" s="216" t="s">
        <v>3633</v>
      </c>
      <c r="TNR1" s="216" t="s">
        <v>3633</v>
      </c>
      <c r="TNS1" s="216" t="s">
        <v>3633</v>
      </c>
      <c r="TNT1" s="216" t="s">
        <v>3633</v>
      </c>
      <c r="TNU1" s="216" t="s">
        <v>3633</v>
      </c>
      <c r="TNV1" s="216" t="s">
        <v>3633</v>
      </c>
      <c r="TNW1" s="216" t="s">
        <v>3633</v>
      </c>
      <c r="TNX1" s="216" t="s">
        <v>3633</v>
      </c>
      <c r="TNY1" s="216" t="s">
        <v>3633</v>
      </c>
      <c r="TNZ1" s="216" t="s">
        <v>3633</v>
      </c>
      <c r="TOA1" s="216" t="s">
        <v>3633</v>
      </c>
      <c r="TOB1" s="216" t="s">
        <v>3633</v>
      </c>
      <c r="TOC1" s="216" t="s">
        <v>3633</v>
      </c>
      <c r="TOD1" s="216" t="s">
        <v>3633</v>
      </c>
      <c r="TOE1" s="216" t="s">
        <v>3633</v>
      </c>
      <c r="TOF1" s="216" t="s">
        <v>3633</v>
      </c>
      <c r="TOG1" s="216" t="s">
        <v>3633</v>
      </c>
      <c r="TOH1" s="216" t="s">
        <v>3633</v>
      </c>
      <c r="TOI1" s="216" t="s">
        <v>3633</v>
      </c>
      <c r="TOJ1" s="216" t="s">
        <v>3633</v>
      </c>
      <c r="TOK1" s="216" t="s">
        <v>3633</v>
      </c>
      <c r="TOL1" s="216" t="s">
        <v>3633</v>
      </c>
      <c r="TOM1" s="216" t="s">
        <v>3633</v>
      </c>
      <c r="TON1" s="216" t="s">
        <v>3633</v>
      </c>
      <c r="TOO1" s="216" t="s">
        <v>3633</v>
      </c>
      <c r="TOP1" s="216" t="s">
        <v>3633</v>
      </c>
      <c r="TOQ1" s="216" t="s">
        <v>3633</v>
      </c>
      <c r="TOR1" s="216" t="s">
        <v>3633</v>
      </c>
      <c r="TOS1" s="216" t="s">
        <v>3633</v>
      </c>
      <c r="TOT1" s="216" t="s">
        <v>3633</v>
      </c>
      <c r="TOU1" s="216" t="s">
        <v>3633</v>
      </c>
      <c r="TOV1" s="216" t="s">
        <v>3633</v>
      </c>
      <c r="TOW1" s="216" t="s">
        <v>3633</v>
      </c>
      <c r="TOX1" s="216" t="s">
        <v>3633</v>
      </c>
      <c r="TOY1" s="216" t="s">
        <v>3633</v>
      </c>
      <c r="TOZ1" s="216" t="s">
        <v>3633</v>
      </c>
      <c r="TPA1" s="216" t="s">
        <v>3633</v>
      </c>
      <c r="TPB1" s="216" t="s">
        <v>3633</v>
      </c>
      <c r="TPC1" s="216" t="s">
        <v>3633</v>
      </c>
      <c r="TPD1" s="216" t="s">
        <v>3633</v>
      </c>
      <c r="TPE1" s="216" t="s">
        <v>3633</v>
      </c>
      <c r="TPF1" s="216" t="s">
        <v>3633</v>
      </c>
      <c r="TPG1" s="216" t="s">
        <v>3633</v>
      </c>
      <c r="TPH1" s="216" t="s">
        <v>3633</v>
      </c>
      <c r="TPI1" s="216" t="s">
        <v>3633</v>
      </c>
      <c r="TPJ1" s="216" t="s">
        <v>3633</v>
      </c>
      <c r="TPK1" s="216" t="s">
        <v>3633</v>
      </c>
      <c r="TPL1" s="216" t="s">
        <v>3633</v>
      </c>
      <c r="TPM1" s="216" t="s">
        <v>3633</v>
      </c>
      <c r="TPN1" s="216" t="s">
        <v>3633</v>
      </c>
      <c r="TPO1" s="216" t="s">
        <v>3633</v>
      </c>
      <c r="TPP1" s="216" t="s">
        <v>3633</v>
      </c>
      <c r="TPQ1" s="216" t="s">
        <v>3633</v>
      </c>
      <c r="TPR1" s="216" t="s">
        <v>3633</v>
      </c>
      <c r="TPS1" s="216" t="s">
        <v>3633</v>
      </c>
      <c r="TPT1" s="216" t="s">
        <v>3633</v>
      </c>
      <c r="TPU1" s="216" t="s">
        <v>3633</v>
      </c>
      <c r="TPV1" s="216" t="s">
        <v>3633</v>
      </c>
      <c r="TPW1" s="216" t="s">
        <v>3633</v>
      </c>
      <c r="TPX1" s="216" t="s">
        <v>3633</v>
      </c>
      <c r="TPY1" s="216" t="s">
        <v>3633</v>
      </c>
      <c r="TPZ1" s="216" t="s">
        <v>3633</v>
      </c>
      <c r="TQA1" s="216" t="s">
        <v>3633</v>
      </c>
      <c r="TQB1" s="216" t="s">
        <v>3633</v>
      </c>
      <c r="TQC1" s="216" t="s">
        <v>3633</v>
      </c>
      <c r="TQD1" s="216" t="s">
        <v>3633</v>
      </c>
      <c r="TQE1" s="216" t="s">
        <v>3633</v>
      </c>
      <c r="TQF1" s="216" t="s">
        <v>3633</v>
      </c>
      <c r="TQG1" s="216" t="s">
        <v>3633</v>
      </c>
      <c r="TQH1" s="216" t="s">
        <v>3633</v>
      </c>
      <c r="TQI1" s="216" t="s">
        <v>3633</v>
      </c>
      <c r="TQJ1" s="216" t="s">
        <v>3633</v>
      </c>
      <c r="TQK1" s="216" t="s">
        <v>3633</v>
      </c>
      <c r="TQL1" s="216" t="s">
        <v>3633</v>
      </c>
      <c r="TQM1" s="216" t="s">
        <v>3633</v>
      </c>
      <c r="TQN1" s="216" t="s">
        <v>3633</v>
      </c>
      <c r="TQO1" s="216" t="s">
        <v>3633</v>
      </c>
      <c r="TQP1" s="216" t="s">
        <v>3633</v>
      </c>
      <c r="TQQ1" s="216" t="s">
        <v>3633</v>
      </c>
      <c r="TQR1" s="216" t="s">
        <v>3633</v>
      </c>
      <c r="TQS1" s="216" t="s">
        <v>3633</v>
      </c>
      <c r="TQT1" s="216" t="s">
        <v>3633</v>
      </c>
      <c r="TQU1" s="216" t="s">
        <v>3633</v>
      </c>
      <c r="TQV1" s="216" t="s">
        <v>3633</v>
      </c>
      <c r="TQW1" s="216" t="s">
        <v>3633</v>
      </c>
      <c r="TQX1" s="216" t="s">
        <v>3633</v>
      </c>
      <c r="TQY1" s="216" t="s">
        <v>3633</v>
      </c>
      <c r="TQZ1" s="216" t="s">
        <v>3633</v>
      </c>
      <c r="TRA1" s="216" t="s">
        <v>3633</v>
      </c>
      <c r="TRB1" s="216" t="s">
        <v>3633</v>
      </c>
      <c r="TRC1" s="216" t="s">
        <v>3633</v>
      </c>
      <c r="TRD1" s="216" t="s">
        <v>3633</v>
      </c>
      <c r="TRE1" s="216" t="s">
        <v>3633</v>
      </c>
      <c r="TRF1" s="216" t="s">
        <v>3633</v>
      </c>
      <c r="TRG1" s="216" t="s">
        <v>3633</v>
      </c>
      <c r="TRH1" s="216" t="s">
        <v>3633</v>
      </c>
      <c r="TRI1" s="216" t="s">
        <v>3633</v>
      </c>
      <c r="TRJ1" s="216" t="s">
        <v>3633</v>
      </c>
      <c r="TRK1" s="216" t="s">
        <v>3633</v>
      </c>
      <c r="TRL1" s="216" t="s">
        <v>3633</v>
      </c>
      <c r="TRM1" s="216" t="s">
        <v>3633</v>
      </c>
      <c r="TRN1" s="216" t="s">
        <v>3633</v>
      </c>
      <c r="TRO1" s="216" t="s">
        <v>3633</v>
      </c>
      <c r="TRP1" s="216" t="s">
        <v>3633</v>
      </c>
      <c r="TRQ1" s="216" t="s">
        <v>3633</v>
      </c>
      <c r="TRR1" s="216" t="s">
        <v>3633</v>
      </c>
      <c r="TRS1" s="216" t="s">
        <v>3633</v>
      </c>
      <c r="TRT1" s="216" t="s">
        <v>3633</v>
      </c>
      <c r="TRU1" s="216" t="s">
        <v>3633</v>
      </c>
      <c r="TRV1" s="216" t="s">
        <v>3633</v>
      </c>
      <c r="TRW1" s="216" t="s">
        <v>3633</v>
      </c>
      <c r="TRX1" s="216" t="s">
        <v>3633</v>
      </c>
      <c r="TRY1" s="216" t="s">
        <v>3633</v>
      </c>
      <c r="TRZ1" s="216" t="s">
        <v>3633</v>
      </c>
      <c r="TSA1" s="216" t="s">
        <v>3633</v>
      </c>
      <c r="TSB1" s="216" t="s">
        <v>3633</v>
      </c>
      <c r="TSC1" s="216" t="s">
        <v>3633</v>
      </c>
      <c r="TSD1" s="216" t="s">
        <v>3633</v>
      </c>
      <c r="TSE1" s="216" t="s">
        <v>3633</v>
      </c>
      <c r="TSF1" s="216" t="s">
        <v>3633</v>
      </c>
      <c r="TSG1" s="216" t="s">
        <v>3633</v>
      </c>
      <c r="TSH1" s="216" t="s">
        <v>3633</v>
      </c>
      <c r="TSI1" s="216" t="s">
        <v>3633</v>
      </c>
      <c r="TSJ1" s="216" t="s">
        <v>3633</v>
      </c>
      <c r="TSK1" s="216" t="s">
        <v>3633</v>
      </c>
      <c r="TSL1" s="216" t="s">
        <v>3633</v>
      </c>
      <c r="TSM1" s="216" t="s">
        <v>3633</v>
      </c>
      <c r="TSN1" s="216" t="s">
        <v>3633</v>
      </c>
      <c r="TSO1" s="216" t="s">
        <v>3633</v>
      </c>
      <c r="TSP1" s="216" t="s">
        <v>3633</v>
      </c>
      <c r="TSQ1" s="216" t="s">
        <v>3633</v>
      </c>
      <c r="TSR1" s="216" t="s">
        <v>3633</v>
      </c>
      <c r="TSS1" s="216" t="s">
        <v>3633</v>
      </c>
      <c r="TST1" s="216" t="s">
        <v>3633</v>
      </c>
      <c r="TSU1" s="216" t="s">
        <v>3633</v>
      </c>
      <c r="TSV1" s="216" t="s">
        <v>3633</v>
      </c>
      <c r="TSW1" s="216" t="s">
        <v>3633</v>
      </c>
      <c r="TSX1" s="216" t="s">
        <v>3633</v>
      </c>
      <c r="TSY1" s="216" t="s">
        <v>3633</v>
      </c>
      <c r="TSZ1" s="216" t="s">
        <v>3633</v>
      </c>
      <c r="TTA1" s="216" t="s">
        <v>3633</v>
      </c>
      <c r="TTB1" s="216" t="s">
        <v>3633</v>
      </c>
      <c r="TTC1" s="216" t="s">
        <v>3633</v>
      </c>
      <c r="TTD1" s="216" t="s">
        <v>3633</v>
      </c>
      <c r="TTE1" s="216" t="s">
        <v>3633</v>
      </c>
      <c r="TTF1" s="216" t="s">
        <v>3633</v>
      </c>
      <c r="TTG1" s="216" t="s">
        <v>3633</v>
      </c>
      <c r="TTH1" s="216" t="s">
        <v>3633</v>
      </c>
      <c r="TTI1" s="216" t="s">
        <v>3633</v>
      </c>
      <c r="TTJ1" s="216" t="s">
        <v>3633</v>
      </c>
      <c r="TTK1" s="216" t="s">
        <v>3633</v>
      </c>
      <c r="TTL1" s="216" t="s">
        <v>3633</v>
      </c>
      <c r="TTM1" s="216" t="s">
        <v>3633</v>
      </c>
      <c r="TTN1" s="216" t="s">
        <v>3633</v>
      </c>
      <c r="TTO1" s="216" t="s">
        <v>3633</v>
      </c>
      <c r="TTP1" s="216" t="s">
        <v>3633</v>
      </c>
      <c r="TTQ1" s="216" t="s">
        <v>3633</v>
      </c>
      <c r="TTR1" s="216" t="s">
        <v>3633</v>
      </c>
      <c r="TTS1" s="216" t="s">
        <v>3633</v>
      </c>
      <c r="TTT1" s="216" t="s">
        <v>3633</v>
      </c>
      <c r="TTU1" s="216" t="s">
        <v>3633</v>
      </c>
      <c r="TTV1" s="216" t="s">
        <v>3633</v>
      </c>
      <c r="TTW1" s="216" t="s">
        <v>3633</v>
      </c>
      <c r="TTX1" s="216" t="s">
        <v>3633</v>
      </c>
      <c r="TTY1" s="216" t="s">
        <v>3633</v>
      </c>
      <c r="TTZ1" s="216" t="s">
        <v>3633</v>
      </c>
      <c r="TUA1" s="216" t="s">
        <v>3633</v>
      </c>
      <c r="TUB1" s="216" t="s">
        <v>3633</v>
      </c>
      <c r="TUC1" s="216" t="s">
        <v>3633</v>
      </c>
      <c r="TUD1" s="216" t="s">
        <v>3633</v>
      </c>
      <c r="TUE1" s="216" t="s">
        <v>3633</v>
      </c>
      <c r="TUF1" s="216" t="s">
        <v>3633</v>
      </c>
      <c r="TUG1" s="216" t="s">
        <v>3633</v>
      </c>
      <c r="TUH1" s="216" t="s">
        <v>3633</v>
      </c>
      <c r="TUI1" s="216" t="s">
        <v>3633</v>
      </c>
      <c r="TUJ1" s="216" t="s">
        <v>3633</v>
      </c>
      <c r="TUK1" s="216" t="s">
        <v>3633</v>
      </c>
      <c r="TUL1" s="216" t="s">
        <v>3633</v>
      </c>
      <c r="TUM1" s="216" t="s">
        <v>3633</v>
      </c>
      <c r="TUN1" s="216" t="s">
        <v>3633</v>
      </c>
      <c r="TUO1" s="216" t="s">
        <v>3633</v>
      </c>
      <c r="TUP1" s="216" t="s">
        <v>3633</v>
      </c>
      <c r="TUQ1" s="216" t="s">
        <v>3633</v>
      </c>
      <c r="TUR1" s="216" t="s">
        <v>3633</v>
      </c>
      <c r="TUS1" s="216" t="s">
        <v>3633</v>
      </c>
      <c r="TUT1" s="216" t="s">
        <v>3633</v>
      </c>
      <c r="TUU1" s="216" t="s">
        <v>3633</v>
      </c>
      <c r="TUV1" s="216" t="s">
        <v>3633</v>
      </c>
      <c r="TUW1" s="216" t="s">
        <v>3633</v>
      </c>
      <c r="TUX1" s="216" t="s">
        <v>3633</v>
      </c>
      <c r="TUY1" s="216" t="s">
        <v>3633</v>
      </c>
      <c r="TUZ1" s="216" t="s">
        <v>3633</v>
      </c>
      <c r="TVA1" s="216" t="s">
        <v>3633</v>
      </c>
      <c r="TVB1" s="216" t="s">
        <v>3633</v>
      </c>
      <c r="TVC1" s="216" t="s">
        <v>3633</v>
      </c>
      <c r="TVD1" s="216" t="s">
        <v>3633</v>
      </c>
      <c r="TVE1" s="216" t="s">
        <v>3633</v>
      </c>
      <c r="TVF1" s="216" t="s">
        <v>3633</v>
      </c>
      <c r="TVG1" s="216" t="s">
        <v>3633</v>
      </c>
      <c r="TVH1" s="216" t="s">
        <v>3633</v>
      </c>
      <c r="TVI1" s="216" t="s">
        <v>3633</v>
      </c>
      <c r="TVJ1" s="216" t="s">
        <v>3633</v>
      </c>
      <c r="TVK1" s="216" t="s">
        <v>3633</v>
      </c>
      <c r="TVL1" s="216" t="s">
        <v>3633</v>
      </c>
      <c r="TVM1" s="216" t="s">
        <v>3633</v>
      </c>
      <c r="TVN1" s="216" t="s">
        <v>3633</v>
      </c>
      <c r="TVO1" s="216" t="s">
        <v>3633</v>
      </c>
      <c r="TVP1" s="216" t="s">
        <v>3633</v>
      </c>
      <c r="TVQ1" s="216" t="s">
        <v>3633</v>
      </c>
      <c r="TVR1" s="216" t="s">
        <v>3633</v>
      </c>
      <c r="TVS1" s="216" t="s">
        <v>3633</v>
      </c>
      <c r="TVT1" s="216" t="s">
        <v>3633</v>
      </c>
      <c r="TVU1" s="216" t="s">
        <v>3633</v>
      </c>
      <c r="TVV1" s="216" t="s">
        <v>3633</v>
      </c>
      <c r="TVW1" s="216" t="s">
        <v>3633</v>
      </c>
      <c r="TVX1" s="216" t="s">
        <v>3633</v>
      </c>
      <c r="TVY1" s="216" t="s">
        <v>3633</v>
      </c>
      <c r="TVZ1" s="216" t="s">
        <v>3633</v>
      </c>
      <c r="TWA1" s="216" t="s">
        <v>3633</v>
      </c>
      <c r="TWB1" s="216" t="s">
        <v>3633</v>
      </c>
      <c r="TWC1" s="216" t="s">
        <v>3633</v>
      </c>
      <c r="TWD1" s="216" t="s">
        <v>3633</v>
      </c>
      <c r="TWE1" s="216" t="s">
        <v>3633</v>
      </c>
      <c r="TWF1" s="216" t="s">
        <v>3633</v>
      </c>
      <c r="TWG1" s="216" t="s">
        <v>3633</v>
      </c>
      <c r="TWH1" s="216" t="s">
        <v>3633</v>
      </c>
      <c r="TWI1" s="216" t="s">
        <v>3633</v>
      </c>
      <c r="TWJ1" s="216" t="s">
        <v>3633</v>
      </c>
      <c r="TWK1" s="216" t="s">
        <v>3633</v>
      </c>
      <c r="TWL1" s="216" t="s">
        <v>3633</v>
      </c>
      <c r="TWM1" s="216" t="s">
        <v>3633</v>
      </c>
      <c r="TWN1" s="216" t="s">
        <v>3633</v>
      </c>
      <c r="TWO1" s="216" t="s">
        <v>3633</v>
      </c>
      <c r="TWP1" s="216" t="s">
        <v>3633</v>
      </c>
      <c r="TWQ1" s="216" t="s">
        <v>3633</v>
      </c>
      <c r="TWR1" s="216" t="s">
        <v>3633</v>
      </c>
      <c r="TWS1" s="216" t="s">
        <v>3633</v>
      </c>
      <c r="TWT1" s="216" t="s">
        <v>3633</v>
      </c>
      <c r="TWU1" s="216" t="s">
        <v>3633</v>
      </c>
      <c r="TWV1" s="216" t="s">
        <v>3633</v>
      </c>
      <c r="TWW1" s="216" t="s">
        <v>3633</v>
      </c>
      <c r="TWX1" s="216" t="s">
        <v>3633</v>
      </c>
      <c r="TWY1" s="216" t="s">
        <v>3633</v>
      </c>
      <c r="TWZ1" s="216" t="s">
        <v>3633</v>
      </c>
      <c r="TXA1" s="216" t="s">
        <v>3633</v>
      </c>
      <c r="TXB1" s="216" t="s">
        <v>3633</v>
      </c>
      <c r="TXC1" s="216" t="s">
        <v>3633</v>
      </c>
      <c r="TXD1" s="216" t="s">
        <v>3633</v>
      </c>
      <c r="TXE1" s="216" t="s">
        <v>3633</v>
      </c>
      <c r="TXF1" s="216" t="s">
        <v>3633</v>
      </c>
      <c r="TXG1" s="216" t="s">
        <v>3633</v>
      </c>
      <c r="TXH1" s="216" t="s">
        <v>3633</v>
      </c>
      <c r="TXI1" s="216" t="s">
        <v>3633</v>
      </c>
      <c r="TXJ1" s="216" t="s">
        <v>3633</v>
      </c>
      <c r="TXK1" s="216" t="s">
        <v>3633</v>
      </c>
      <c r="TXL1" s="216" t="s">
        <v>3633</v>
      </c>
      <c r="TXM1" s="216" t="s">
        <v>3633</v>
      </c>
      <c r="TXN1" s="216" t="s">
        <v>3633</v>
      </c>
      <c r="TXO1" s="216" t="s">
        <v>3633</v>
      </c>
      <c r="TXP1" s="216" t="s">
        <v>3633</v>
      </c>
      <c r="TXQ1" s="216" t="s">
        <v>3633</v>
      </c>
      <c r="TXR1" s="216" t="s">
        <v>3633</v>
      </c>
      <c r="TXS1" s="216" t="s">
        <v>3633</v>
      </c>
      <c r="TXT1" s="216" t="s">
        <v>3633</v>
      </c>
      <c r="TXU1" s="216" t="s">
        <v>3633</v>
      </c>
      <c r="TXV1" s="216" t="s">
        <v>3633</v>
      </c>
      <c r="TXW1" s="216" t="s">
        <v>3633</v>
      </c>
      <c r="TXX1" s="216" t="s">
        <v>3633</v>
      </c>
      <c r="TXY1" s="216" t="s">
        <v>3633</v>
      </c>
      <c r="TXZ1" s="216" t="s">
        <v>3633</v>
      </c>
      <c r="TYA1" s="216" t="s">
        <v>3633</v>
      </c>
      <c r="TYB1" s="216" t="s">
        <v>3633</v>
      </c>
      <c r="TYC1" s="216" t="s">
        <v>3633</v>
      </c>
      <c r="TYD1" s="216" t="s">
        <v>3633</v>
      </c>
      <c r="TYE1" s="216" t="s">
        <v>3633</v>
      </c>
      <c r="TYF1" s="216" t="s">
        <v>3633</v>
      </c>
      <c r="TYG1" s="216" t="s">
        <v>3633</v>
      </c>
      <c r="TYH1" s="216" t="s">
        <v>3633</v>
      </c>
      <c r="TYI1" s="216" t="s">
        <v>3633</v>
      </c>
      <c r="TYJ1" s="216" t="s">
        <v>3633</v>
      </c>
      <c r="TYK1" s="216" t="s">
        <v>3633</v>
      </c>
      <c r="TYL1" s="216" t="s">
        <v>3633</v>
      </c>
      <c r="TYM1" s="216" t="s">
        <v>3633</v>
      </c>
      <c r="TYN1" s="216" t="s">
        <v>3633</v>
      </c>
      <c r="TYO1" s="216" t="s">
        <v>3633</v>
      </c>
      <c r="TYP1" s="216" t="s">
        <v>3633</v>
      </c>
      <c r="TYQ1" s="216" t="s">
        <v>3633</v>
      </c>
      <c r="TYR1" s="216" t="s">
        <v>3633</v>
      </c>
      <c r="TYS1" s="216" t="s">
        <v>3633</v>
      </c>
      <c r="TYT1" s="216" t="s">
        <v>3633</v>
      </c>
      <c r="TYU1" s="216" t="s">
        <v>3633</v>
      </c>
      <c r="TYV1" s="216" t="s">
        <v>3633</v>
      </c>
      <c r="TYW1" s="216" t="s">
        <v>3633</v>
      </c>
      <c r="TYX1" s="216" t="s">
        <v>3633</v>
      </c>
      <c r="TYY1" s="216" t="s">
        <v>3633</v>
      </c>
      <c r="TYZ1" s="216" t="s">
        <v>3633</v>
      </c>
      <c r="TZA1" s="216" t="s">
        <v>3633</v>
      </c>
      <c r="TZB1" s="216" t="s">
        <v>3633</v>
      </c>
      <c r="TZC1" s="216" t="s">
        <v>3633</v>
      </c>
      <c r="TZD1" s="216" t="s">
        <v>3633</v>
      </c>
      <c r="TZE1" s="216" t="s">
        <v>3633</v>
      </c>
      <c r="TZF1" s="216" t="s">
        <v>3633</v>
      </c>
      <c r="TZG1" s="216" t="s">
        <v>3633</v>
      </c>
      <c r="TZH1" s="216" t="s">
        <v>3633</v>
      </c>
      <c r="TZI1" s="216" t="s">
        <v>3633</v>
      </c>
      <c r="TZJ1" s="216" t="s">
        <v>3633</v>
      </c>
      <c r="TZK1" s="216" t="s">
        <v>3633</v>
      </c>
      <c r="TZL1" s="216" t="s">
        <v>3633</v>
      </c>
      <c r="TZM1" s="216" t="s">
        <v>3633</v>
      </c>
      <c r="TZN1" s="216" t="s">
        <v>3633</v>
      </c>
      <c r="TZO1" s="216" t="s">
        <v>3633</v>
      </c>
      <c r="TZP1" s="216" t="s">
        <v>3633</v>
      </c>
      <c r="TZQ1" s="216" t="s">
        <v>3633</v>
      </c>
      <c r="TZR1" s="216" t="s">
        <v>3633</v>
      </c>
      <c r="TZS1" s="216" t="s">
        <v>3633</v>
      </c>
      <c r="TZT1" s="216" t="s">
        <v>3633</v>
      </c>
      <c r="TZU1" s="216" t="s">
        <v>3633</v>
      </c>
      <c r="TZV1" s="216" t="s">
        <v>3633</v>
      </c>
      <c r="TZW1" s="216" t="s">
        <v>3633</v>
      </c>
      <c r="TZX1" s="216" t="s">
        <v>3633</v>
      </c>
      <c r="TZY1" s="216" t="s">
        <v>3633</v>
      </c>
      <c r="TZZ1" s="216" t="s">
        <v>3633</v>
      </c>
      <c r="UAA1" s="216" t="s">
        <v>3633</v>
      </c>
      <c r="UAB1" s="216" t="s">
        <v>3633</v>
      </c>
      <c r="UAC1" s="216" t="s">
        <v>3633</v>
      </c>
      <c r="UAD1" s="216" t="s">
        <v>3633</v>
      </c>
      <c r="UAE1" s="216" t="s">
        <v>3633</v>
      </c>
      <c r="UAF1" s="216" t="s">
        <v>3633</v>
      </c>
      <c r="UAG1" s="216" t="s">
        <v>3633</v>
      </c>
      <c r="UAH1" s="216" t="s">
        <v>3633</v>
      </c>
      <c r="UAI1" s="216" t="s">
        <v>3633</v>
      </c>
      <c r="UAJ1" s="216" t="s">
        <v>3633</v>
      </c>
      <c r="UAK1" s="216" t="s">
        <v>3633</v>
      </c>
      <c r="UAL1" s="216" t="s">
        <v>3633</v>
      </c>
      <c r="UAM1" s="216" t="s">
        <v>3633</v>
      </c>
      <c r="UAN1" s="216" t="s">
        <v>3633</v>
      </c>
      <c r="UAO1" s="216" t="s">
        <v>3633</v>
      </c>
      <c r="UAP1" s="216" t="s">
        <v>3633</v>
      </c>
      <c r="UAQ1" s="216" t="s">
        <v>3633</v>
      </c>
      <c r="UAR1" s="216" t="s">
        <v>3633</v>
      </c>
      <c r="UAS1" s="216" t="s">
        <v>3633</v>
      </c>
      <c r="UAT1" s="216" t="s">
        <v>3633</v>
      </c>
      <c r="UAU1" s="216" t="s">
        <v>3633</v>
      </c>
      <c r="UAV1" s="216" t="s">
        <v>3633</v>
      </c>
      <c r="UAW1" s="216" t="s">
        <v>3633</v>
      </c>
      <c r="UAX1" s="216" t="s">
        <v>3633</v>
      </c>
      <c r="UAY1" s="216" t="s">
        <v>3633</v>
      </c>
      <c r="UAZ1" s="216" t="s">
        <v>3633</v>
      </c>
      <c r="UBA1" s="216" t="s">
        <v>3633</v>
      </c>
      <c r="UBB1" s="216" t="s">
        <v>3633</v>
      </c>
      <c r="UBC1" s="216" t="s">
        <v>3633</v>
      </c>
      <c r="UBD1" s="216" t="s">
        <v>3633</v>
      </c>
      <c r="UBE1" s="216" t="s">
        <v>3633</v>
      </c>
      <c r="UBF1" s="216" t="s">
        <v>3633</v>
      </c>
      <c r="UBG1" s="216" t="s">
        <v>3633</v>
      </c>
      <c r="UBH1" s="216" t="s">
        <v>3633</v>
      </c>
      <c r="UBI1" s="216" t="s">
        <v>3633</v>
      </c>
      <c r="UBJ1" s="216" t="s">
        <v>3633</v>
      </c>
      <c r="UBK1" s="216" t="s">
        <v>3633</v>
      </c>
      <c r="UBL1" s="216" t="s">
        <v>3633</v>
      </c>
      <c r="UBM1" s="216" t="s">
        <v>3633</v>
      </c>
      <c r="UBN1" s="216" t="s">
        <v>3633</v>
      </c>
      <c r="UBO1" s="216" t="s">
        <v>3633</v>
      </c>
      <c r="UBP1" s="216" t="s">
        <v>3633</v>
      </c>
      <c r="UBQ1" s="216" t="s">
        <v>3633</v>
      </c>
      <c r="UBR1" s="216" t="s">
        <v>3633</v>
      </c>
      <c r="UBS1" s="216" t="s">
        <v>3633</v>
      </c>
      <c r="UBT1" s="216" t="s">
        <v>3633</v>
      </c>
      <c r="UBU1" s="216" t="s">
        <v>3633</v>
      </c>
      <c r="UBV1" s="216" t="s">
        <v>3633</v>
      </c>
      <c r="UBW1" s="216" t="s">
        <v>3633</v>
      </c>
      <c r="UBX1" s="216" t="s">
        <v>3633</v>
      </c>
      <c r="UBY1" s="216" t="s">
        <v>3633</v>
      </c>
      <c r="UBZ1" s="216" t="s">
        <v>3633</v>
      </c>
      <c r="UCA1" s="216" t="s">
        <v>3633</v>
      </c>
      <c r="UCB1" s="216" t="s">
        <v>3633</v>
      </c>
      <c r="UCC1" s="216" t="s">
        <v>3633</v>
      </c>
      <c r="UCD1" s="216" t="s">
        <v>3633</v>
      </c>
      <c r="UCE1" s="216" t="s">
        <v>3633</v>
      </c>
      <c r="UCF1" s="216" t="s">
        <v>3633</v>
      </c>
      <c r="UCG1" s="216" t="s">
        <v>3633</v>
      </c>
      <c r="UCH1" s="216" t="s">
        <v>3633</v>
      </c>
      <c r="UCI1" s="216" t="s">
        <v>3633</v>
      </c>
      <c r="UCJ1" s="216" t="s">
        <v>3633</v>
      </c>
      <c r="UCK1" s="216" t="s">
        <v>3633</v>
      </c>
      <c r="UCL1" s="216" t="s">
        <v>3633</v>
      </c>
      <c r="UCM1" s="216" t="s">
        <v>3633</v>
      </c>
      <c r="UCN1" s="216" t="s">
        <v>3633</v>
      </c>
      <c r="UCO1" s="216" t="s">
        <v>3633</v>
      </c>
      <c r="UCP1" s="216" t="s">
        <v>3633</v>
      </c>
      <c r="UCQ1" s="216" t="s">
        <v>3633</v>
      </c>
      <c r="UCR1" s="216" t="s">
        <v>3633</v>
      </c>
      <c r="UCS1" s="216" t="s">
        <v>3633</v>
      </c>
      <c r="UCT1" s="216" t="s">
        <v>3633</v>
      </c>
      <c r="UCU1" s="216" t="s">
        <v>3633</v>
      </c>
      <c r="UCV1" s="216" t="s">
        <v>3633</v>
      </c>
      <c r="UCW1" s="216" t="s">
        <v>3633</v>
      </c>
      <c r="UCX1" s="216" t="s">
        <v>3633</v>
      </c>
      <c r="UCY1" s="216" t="s">
        <v>3633</v>
      </c>
      <c r="UCZ1" s="216" t="s">
        <v>3633</v>
      </c>
      <c r="UDA1" s="216" t="s">
        <v>3633</v>
      </c>
      <c r="UDB1" s="216" t="s">
        <v>3633</v>
      </c>
      <c r="UDC1" s="216" t="s">
        <v>3633</v>
      </c>
      <c r="UDD1" s="216" t="s">
        <v>3633</v>
      </c>
      <c r="UDE1" s="216" t="s">
        <v>3633</v>
      </c>
      <c r="UDF1" s="216" t="s">
        <v>3633</v>
      </c>
      <c r="UDG1" s="216" t="s">
        <v>3633</v>
      </c>
      <c r="UDH1" s="216" t="s">
        <v>3633</v>
      </c>
      <c r="UDI1" s="216" t="s">
        <v>3633</v>
      </c>
      <c r="UDJ1" s="216" t="s">
        <v>3633</v>
      </c>
      <c r="UDK1" s="216" t="s">
        <v>3633</v>
      </c>
      <c r="UDL1" s="216" t="s">
        <v>3633</v>
      </c>
      <c r="UDM1" s="216" t="s">
        <v>3633</v>
      </c>
      <c r="UDN1" s="216" t="s">
        <v>3633</v>
      </c>
      <c r="UDO1" s="216" t="s">
        <v>3633</v>
      </c>
      <c r="UDP1" s="216" t="s">
        <v>3633</v>
      </c>
      <c r="UDQ1" s="216" t="s">
        <v>3633</v>
      </c>
      <c r="UDR1" s="216" t="s">
        <v>3633</v>
      </c>
      <c r="UDS1" s="216" t="s">
        <v>3633</v>
      </c>
      <c r="UDT1" s="216" t="s">
        <v>3633</v>
      </c>
      <c r="UDU1" s="216" t="s">
        <v>3633</v>
      </c>
      <c r="UDV1" s="216" t="s">
        <v>3633</v>
      </c>
      <c r="UDW1" s="216" t="s">
        <v>3633</v>
      </c>
      <c r="UDX1" s="216" t="s">
        <v>3633</v>
      </c>
      <c r="UDY1" s="216" t="s">
        <v>3633</v>
      </c>
      <c r="UDZ1" s="216" t="s">
        <v>3633</v>
      </c>
      <c r="UEA1" s="216" t="s">
        <v>3633</v>
      </c>
      <c r="UEB1" s="216" t="s">
        <v>3633</v>
      </c>
      <c r="UEC1" s="216" t="s">
        <v>3633</v>
      </c>
      <c r="UED1" s="216" t="s">
        <v>3633</v>
      </c>
      <c r="UEE1" s="216" t="s">
        <v>3633</v>
      </c>
      <c r="UEF1" s="216" t="s">
        <v>3633</v>
      </c>
      <c r="UEG1" s="216" t="s">
        <v>3633</v>
      </c>
      <c r="UEH1" s="216" t="s">
        <v>3633</v>
      </c>
      <c r="UEI1" s="216" t="s">
        <v>3633</v>
      </c>
      <c r="UEJ1" s="216" t="s">
        <v>3633</v>
      </c>
      <c r="UEK1" s="216" t="s">
        <v>3633</v>
      </c>
      <c r="UEL1" s="216" t="s">
        <v>3633</v>
      </c>
      <c r="UEM1" s="216" t="s">
        <v>3633</v>
      </c>
      <c r="UEN1" s="216" t="s">
        <v>3633</v>
      </c>
      <c r="UEO1" s="216" t="s">
        <v>3633</v>
      </c>
      <c r="UEP1" s="216" t="s">
        <v>3633</v>
      </c>
      <c r="UEQ1" s="216" t="s">
        <v>3633</v>
      </c>
      <c r="UER1" s="216" t="s">
        <v>3633</v>
      </c>
      <c r="UES1" s="216" t="s">
        <v>3633</v>
      </c>
      <c r="UET1" s="216" t="s">
        <v>3633</v>
      </c>
      <c r="UEU1" s="216" t="s">
        <v>3633</v>
      </c>
      <c r="UEV1" s="216" t="s">
        <v>3633</v>
      </c>
      <c r="UEW1" s="216" t="s">
        <v>3633</v>
      </c>
      <c r="UEX1" s="216" t="s">
        <v>3633</v>
      </c>
      <c r="UEY1" s="216" t="s">
        <v>3633</v>
      </c>
      <c r="UEZ1" s="216" t="s">
        <v>3633</v>
      </c>
      <c r="UFA1" s="216" t="s">
        <v>3633</v>
      </c>
      <c r="UFB1" s="216" t="s">
        <v>3633</v>
      </c>
      <c r="UFC1" s="216" t="s">
        <v>3633</v>
      </c>
      <c r="UFD1" s="216" t="s">
        <v>3633</v>
      </c>
      <c r="UFE1" s="216" t="s">
        <v>3633</v>
      </c>
      <c r="UFF1" s="216" t="s">
        <v>3633</v>
      </c>
      <c r="UFG1" s="216" t="s">
        <v>3633</v>
      </c>
      <c r="UFH1" s="216" t="s">
        <v>3633</v>
      </c>
      <c r="UFI1" s="216" t="s">
        <v>3633</v>
      </c>
      <c r="UFJ1" s="216" t="s">
        <v>3633</v>
      </c>
      <c r="UFK1" s="216" t="s">
        <v>3633</v>
      </c>
      <c r="UFL1" s="216" t="s">
        <v>3633</v>
      </c>
      <c r="UFM1" s="216" t="s">
        <v>3633</v>
      </c>
      <c r="UFN1" s="216" t="s">
        <v>3633</v>
      </c>
      <c r="UFO1" s="216" t="s">
        <v>3633</v>
      </c>
      <c r="UFP1" s="216" t="s">
        <v>3633</v>
      </c>
      <c r="UFQ1" s="216" t="s">
        <v>3633</v>
      </c>
      <c r="UFR1" s="216" t="s">
        <v>3633</v>
      </c>
      <c r="UFS1" s="216" t="s">
        <v>3633</v>
      </c>
      <c r="UFT1" s="216" t="s">
        <v>3633</v>
      </c>
      <c r="UFU1" s="216" t="s">
        <v>3633</v>
      </c>
      <c r="UFV1" s="216" t="s">
        <v>3633</v>
      </c>
      <c r="UFW1" s="216" t="s">
        <v>3633</v>
      </c>
      <c r="UFX1" s="216" t="s">
        <v>3633</v>
      </c>
      <c r="UFY1" s="216" t="s">
        <v>3633</v>
      </c>
      <c r="UFZ1" s="216" t="s">
        <v>3633</v>
      </c>
      <c r="UGA1" s="216" t="s">
        <v>3633</v>
      </c>
      <c r="UGB1" s="216" t="s">
        <v>3633</v>
      </c>
      <c r="UGC1" s="216" t="s">
        <v>3633</v>
      </c>
      <c r="UGD1" s="216" t="s">
        <v>3633</v>
      </c>
      <c r="UGE1" s="216" t="s">
        <v>3633</v>
      </c>
      <c r="UGF1" s="216" t="s">
        <v>3633</v>
      </c>
      <c r="UGG1" s="216" t="s">
        <v>3633</v>
      </c>
      <c r="UGH1" s="216" t="s">
        <v>3633</v>
      </c>
      <c r="UGI1" s="216" t="s">
        <v>3633</v>
      </c>
      <c r="UGJ1" s="216" t="s">
        <v>3633</v>
      </c>
      <c r="UGK1" s="216" t="s">
        <v>3633</v>
      </c>
      <c r="UGL1" s="216" t="s">
        <v>3633</v>
      </c>
      <c r="UGM1" s="216" t="s">
        <v>3633</v>
      </c>
      <c r="UGN1" s="216" t="s">
        <v>3633</v>
      </c>
      <c r="UGO1" s="216" t="s">
        <v>3633</v>
      </c>
      <c r="UGP1" s="216" t="s">
        <v>3633</v>
      </c>
      <c r="UGQ1" s="216" t="s">
        <v>3633</v>
      </c>
      <c r="UGR1" s="216" t="s">
        <v>3633</v>
      </c>
      <c r="UGS1" s="216" t="s">
        <v>3633</v>
      </c>
      <c r="UGT1" s="216" t="s">
        <v>3633</v>
      </c>
      <c r="UGU1" s="216" t="s">
        <v>3633</v>
      </c>
      <c r="UGV1" s="216" t="s">
        <v>3633</v>
      </c>
      <c r="UGW1" s="216" t="s">
        <v>3633</v>
      </c>
      <c r="UGX1" s="216" t="s">
        <v>3633</v>
      </c>
      <c r="UGY1" s="216" t="s">
        <v>3633</v>
      </c>
      <c r="UGZ1" s="216" t="s">
        <v>3633</v>
      </c>
      <c r="UHA1" s="216" t="s">
        <v>3633</v>
      </c>
      <c r="UHB1" s="216" t="s">
        <v>3633</v>
      </c>
      <c r="UHC1" s="216" t="s">
        <v>3633</v>
      </c>
      <c r="UHD1" s="216" t="s">
        <v>3633</v>
      </c>
      <c r="UHE1" s="216" t="s">
        <v>3633</v>
      </c>
      <c r="UHF1" s="216" t="s">
        <v>3633</v>
      </c>
      <c r="UHG1" s="216" t="s">
        <v>3633</v>
      </c>
      <c r="UHH1" s="216" t="s">
        <v>3633</v>
      </c>
      <c r="UHI1" s="216" t="s">
        <v>3633</v>
      </c>
      <c r="UHJ1" s="216" t="s">
        <v>3633</v>
      </c>
      <c r="UHK1" s="216" t="s">
        <v>3633</v>
      </c>
      <c r="UHL1" s="216" t="s">
        <v>3633</v>
      </c>
      <c r="UHM1" s="216" t="s">
        <v>3633</v>
      </c>
      <c r="UHN1" s="216" t="s">
        <v>3633</v>
      </c>
      <c r="UHO1" s="216" t="s">
        <v>3633</v>
      </c>
      <c r="UHP1" s="216" t="s">
        <v>3633</v>
      </c>
      <c r="UHQ1" s="216" t="s">
        <v>3633</v>
      </c>
      <c r="UHR1" s="216" t="s">
        <v>3633</v>
      </c>
      <c r="UHS1" s="216" t="s">
        <v>3633</v>
      </c>
      <c r="UHT1" s="216" t="s">
        <v>3633</v>
      </c>
      <c r="UHU1" s="216" t="s">
        <v>3633</v>
      </c>
      <c r="UHV1" s="216" t="s">
        <v>3633</v>
      </c>
      <c r="UHW1" s="216" t="s">
        <v>3633</v>
      </c>
      <c r="UHX1" s="216" t="s">
        <v>3633</v>
      </c>
      <c r="UHY1" s="216" t="s">
        <v>3633</v>
      </c>
      <c r="UHZ1" s="216" t="s">
        <v>3633</v>
      </c>
      <c r="UIA1" s="216" t="s">
        <v>3633</v>
      </c>
      <c r="UIB1" s="216" t="s">
        <v>3633</v>
      </c>
      <c r="UIC1" s="216" t="s">
        <v>3633</v>
      </c>
      <c r="UID1" s="216" t="s">
        <v>3633</v>
      </c>
      <c r="UIE1" s="216" t="s">
        <v>3633</v>
      </c>
      <c r="UIF1" s="216" t="s">
        <v>3633</v>
      </c>
      <c r="UIG1" s="216" t="s">
        <v>3633</v>
      </c>
      <c r="UIH1" s="216" t="s">
        <v>3633</v>
      </c>
      <c r="UII1" s="216" t="s">
        <v>3633</v>
      </c>
      <c r="UIJ1" s="216" t="s">
        <v>3633</v>
      </c>
      <c r="UIK1" s="216" t="s">
        <v>3633</v>
      </c>
      <c r="UIL1" s="216" t="s">
        <v>3633</v>
      </c>
      <c r="UIM1" s="216" t="s">
        <v>3633</v>
      </c>
      <c r="UIN1" s="216" t="s">
        <v>3633</v>
      </c>
      <c r="UIO1" s="216" t="s">
        <v>3633</v>
      </c>
      <c r="UIP1" s="216" t="s">
        <v>3633</v>
      </c>
      <c r="UIQ1" s="216" t="s">
        <v>3633</v>
      </c>
      <c r="UIR1" s="216" t="s">
        <v>3633</v>
      </c>
      <c r="UIS1" s="216" t="s">
        <v>3633</v>
      </c>
      <c r="UIT1" s="216" t="s">
        <v>3633</v>
      </c>
      <c r="UIU1" s="216" t="s">
        <v>3633</v>
      </c>
      <c r="UIV1" s="216" t="s">
        <v>3633</v>
      </c>
      <c r="UIW1" s="216" t="s">
        <v>3633</v>
      </c>
      <c r="UIX1" s="216" t="s">
        <v>3633</v>
      </c>
      <c r="UIY1" s="216" t="s">
        <v>3633</v>
      </c>
      <c r="UIZ1" s="216" t="s">
        <v>3633</v>
      </c>
      <c r="UJA1" s="216" t="s">
        <v>3633</v>
      </c>
      <c r="UJB1" s="216" t="s">
        <v>3633</v>
      </c>
      <c r="UJC1" s="216" t="s">
        <v>3633</v>
      </c>
      <c r="UJD1" s="216" t="s">
        <v>3633</v>
      </c>
      <c r="UJE1" s="216" t="s">
        <v>3633</v>
      </c>
      <c r="UJF1" s="216" t="s">
        <v>3633</v>
      </c>
      <c r="UJG1" s="216" t="s">
        <v>3633</v>
      </c>
      <c r="UJH1" s="216" t="s">
        <v>3633</v>
      </c>
      <c r="UJI1" s="216" t="s">
        <v>3633</v>
      </c>
      <c r="UJJ1" s="216" t="s">
        <v>3633</v>
      </c>
      <c r="UJK1" s="216" t="s">
        <v>3633</v>
      </c>
      <c r="UJL1" s="216" t="s">
        <v>3633</v>
      </c>
      <c r="UJM1" s="216" t="s">
        <v>3633</v>
      </c>
      <c r="UJN1" s="216" t="s">
        <v>3633</v>
      </c>
      <c r="UJO1" s="216" t="s">
        <v>3633</v>
      </c>
      <c r="UJP1" s="216" t="s">
        <v>3633</v>
      </c>
      <c r="UJQ1" s="216" t="s">
        <v>3633</v>
      </c>
      <c r="UJR1" s="216" t="s">
        <v>3633</v>
      </c>
      <c r="UJS1" s="216" t="s">
        <v>3633</v>
      </c>
      <c r="UJT1" s="216" t="s">
        <v>3633</v>
      </c>
      <c r="UJU1" s="216" t="s">
        <v>3633</v>
      </c>
      <c r="UJV1" s="216" t="s">
        <v>3633</v>
      </c>
      <c r="UJW1" s="216" t="s">
        <v>3633</v>
      </c>
      <c r="UJX1" s="216" t="s">
        <v>3633</v>
      </c>
      <c r="UJY1" s="216" t="s">
        <v>3633</v>
      </c>
      <c r="UJZ1" s="216" t="s">
        <v>3633</v>
      </c>
      <c r="UKA1" s="216" t="s">
        <v>3633</v>
      </c>
      <c r="UKB1" s="216" t="s">
        <v>3633</v>
      </c>
      <c r="UKC1" s="216" t="s">
        <v>3633</v>
      </c>
      <c r="UKD1" s="216" t="s">
        <v>3633</v>
      </c>
      <c r="UKE1" s="216" t="s">
        <v>3633</v>
      </c>
      <c r="UKF1" s="216" t="s">
        <v>3633</v>
      </c>
      <c r="UKG1" s="216" t="s">
        <v>3633</v>
      </c>
      <c r="UKH1" s="216" t="s">
        <v>3633</v>
      </c>
      <c r="UKI1" s="216" t="s">
        <v>3633</v>
      </c>
      <c r="UKJ1" s="216" t="s">
        <v>3633</v>
      </c>
      <c r="UKK1" s="216" t="s">
        <v>3633</v>
      </c>
      <c r="UKL1" s="216" t="s">
        <v>3633</v>
      </c>
      <c r="UKM1" s="216" t="s">
        <v>3633</v>
      </c>
      <c r="UKN1" s="216" t="s">
        <v>3633</v>
      </c>
      <c r="UKO1" s="216" t="s">
        <v>3633</v>
      </c>
      <c r="UKP1" s="216" t="s">
        <v>3633</v>
      </c>
      <c r="UKQ1" s="216" t="s">
        <v>3633</v>
      </c>
      <c r="UKR1" s="216" t="s">
        <v>3633</v>
      </c>
      <c r="UKS1" s="216" t="s">
        <v>3633</v>
      </c>
      <c r="UKT1" s="216" t="s">
        <v>3633</v>
      </c>
      <c r="UKU1" s="216" t="s">
        <v>3633</v>
      </c>
      <c r="UKV1" s="216" t="s">
        <v>3633</v>
      </c>
      <c r="UKW1" s="216" t="s">
        <v>3633</v>
      </c>
      <c r="UKX1" s="216" t="s">
        <v>3633</v>
      </c>
      <c r="UKY1" s="216" t="s">
        <v>3633</v>
      </c>
      <c r="UKZ1" s="216" t="s">
        <v>3633</v>
      </c>
      <c r="ULA1" s="216" t="s">
        <v>3633</v>
      </c>
      <c r="ULB1" s="216" t="s">
        <v>3633</v>
      </c>
      <c r="ULC1" s="216" t="s">
        <v>3633</v>
      </c>
      <c r="ULD1" s="216" t="s">
        <v>3633</v>
      </c>
      <c r="ULE1" s="216" t="s">
        <v>3633</v>
      </c>
      <c r="ULF1" s="216" t="s">
        <v>3633</v>
      </c>
      <c r="ULG1" s="216" t="s">
        <v>3633</v>
      </c>
      <c r="ULH1" s="216" t="s">
        <v>3633</v>
      </c>
      <c r="ULI1" s="216" t="s">
        <v>3633</v>
      </c>
      <c r="ULJ1" s="216" t="s">
        <v>3633</v>
      </c>
      <c r="ULK1" s="216" t="s">
        <v>3633</v>
      </c>
      <c r="ULL1" s="216" t="s">
        <v>3633</v>
      </c>
      <c r="ULM1" s="216" t="s">
        <v>3633</v>
      </c>
      <c r="ULN1" s="216" t="s">
        <v>3633</v>
      </c>
      <c r="ULO1" s="216" t="s">
        <v>3633</v>
      </c>
      <c r="ULP1" s="216" t="s">
        <v>3633</v>
      </c>
      <c r="ULQ1" s="216" t="s">
        <v>3633</v>
      </c>
      <c r="ULR1" s="216" t="s">
        <v>3633</v>
      </c>
      <c r="ULS1" s="216" t="s">
        <v>3633</v>
      </c>
      <c r="ULT1" s="216" t="s">
        <v>3633</v>
      </c>
      <c r="ULU1" s="216" t="s">
        <v>3633</v>
      </c>
      <c r="ULV1" s="216" t="s">
        <v>3633</v>
      </c>
      <c r="ULW1" s="216" t="s">
        <v>3633</v>
      </c>
      <c r="ULX1" s="216" t="s">
        <v>3633</v>
      </c>
      <c r="ULY1" s="216" t="s">
        <v>3633</v>
      </c>
      <c r="ULZ1" s="216" t="s">
        <v>3633</v>
      </c>
      <c r="UMA1" s="216" t="s">
        <v>3633</v>
      </c>
      <c r="UMB1" s="216" t="s">
        <v>3633</v>
      </c>
      <c r="UMC1" s="216" t="s">
        <v>3633</v>
      </c>
      <c r="UMD1" s="216" t="s">
        <v>3633</v>
      </c>
      <c r="UME1" s="216" t="s">
        <v>3633</v>
      </c>
      <c r="UMF1" s="216" t="s">
        <v>3633</v>
      </c>
      <c r="UMG1" s="216" t="s">
        <v>3633</v>
      </c>
      <c r="UMH1" s="216" t="s">
        <v>3633</v>
      </c>
      <c r="UMI1" s="216" t="s">
        <v>3633</v>
      </c>
      <c r="UMJ1" s="216" t="s">
        <v>3633</v>
      </c>
      <c r="UMK1" s="216" t="s">
        <v>3633</v>
      </c>
      <c r="UML1" s="216" t="s">
        <v>3633</v>
      </c>
      <c r="UMM1" s="216" t="s">
        <v>3633</v>
      </c>
      <c r="UMN1" s="216" t="s">
        <v>3633</v>
      </c>
      <c r="UMO1" s="216" t="s">
        <v>3633</v>
      </c>
      <c r="UMP1" s="216" t="s">
        <v>3633</v>
      </c>
      <c r="UMQ1" s="216" t="s">
        <v>3633</v>
      </c>
      <c r="UMR1" s="216" t="s">
        <v>3633</v>
      </c>
      <c r="UMS1" s="216" t="s">
        <v>3633</v>
      </c>
      <c r="UMT1" s="216" t="s">
        <v>3633</v>
      </c>
      <c r="UMU1" s="216" t="s">
        <v>3633</v>
      </c>
      <c r="UMV1" s="216" t="s">
        <v>3633</v>
      </c>
      <c r="UMW1" s="216" t="s">
        <v>3633</v>
      </c>
      <c r="UMX1" s="216" t="s">
        <v>3633</v>
      </c>
      <c r="UMY1" s="216" t="s">
        <v>3633</v>
      </c>
      <c r="UMZ1" s="216" t="s">
        <v>3633</v>
      </c>
      <c r="UNA1" s="216" t="s">
        <v>3633</v>
      </c>
      <c r="UNB1" s="216" t="s">
        <v>3633</v>
      </c>
      <c r="UNC1" s="216" t="s">
        <v>3633</v>
      </c>
      <c r="UND1" s="216" t="s">
        <v>3633</v>
      </c>
      <c r="UNE1" s="216" t="s">
        <v>3633</v>
      </c>
      <c r="UNF1" s="216" t="s">
        <v>3633</v>
      </c>
      <c r="UNG1" s="216" t="s">
        <v>3633</v>
      </c>
      <c r="UNH1" s="216" t="s">
        <v>3633</v>
      </c>
      <c r="UNI1" s="216" t="s">
        <v>3633</v>
      </c>
      <c r="UNJ1" s="216" t="s">
        <v>3633</v>
      </c>
      <c r="UNK1" s="216" t="s">
        <v>3633</v>
      </c>
      <c r="UNL1" s="216" t="s">
        <v>3633</v>
      </c>
      <c r="UNM1" s="216" t="s">
        <v>3633</v>
      </c>
      <c r="UNN1" s="216" t="s">
        <v>3633</v>
      </c>
      <c r="UNO1" s="216" t="s">
        <v>3633</v>
      </c>
      <c r="UNP1" s="216" t="s">
        <v>3633</v>
      </c>
      <c r="UNQ1" s="216" t="s">
        <v>3633</v>
      </c>
      <c r="UNR1" s="216" t="s">
        <v>3633</v>
      </c>
      <c r="UNS1" s="216" t="s">
        <v>3633</v>
      </c>
      <c r="UNT1" s="216" t="s">
        <v>3633</v>
      </c>
      <c r="UNU1" s="216" t="s">
        <v>3633</v>
      </c>
      <c r="UNV1" s="216" t="s">
        <v>3633</v>
      </c>
      <c r="UNW1" s="216" t="s">
        <v>3633</v>
      </c>
      <c r="UNX1" s="216" t="s">
        <v>3633</v>
      </c>
      <c r="UNY1" s="216" t="s">
        <v>3633</v>
      </c>
      <c r="UNZ1" s="216" t="s">
        <v>3633</v>
      </c>
      <c r="UOA1" s="216" t="s">
        <v>3633</v>
      </c>
      <c r="UOB1" s="216" t="s">
        <v>3633</v>
      </c>
      <c r="UOC1" s="216" t="s">
        <v>3633</v>
      </c>
      <c r="UOD1" s="216" t="s">
        <v>3633</v>
      </c>
      <c r="UOE1" s="216" t="s">
        <v>3633</v>
      </c>
      <c r="UOF1" s="216" t="s">
        <v>3633</v>
      </c>
      <c r="UOG1" s="216" t="s">
        <v>3633</v>
      </c>
      <c r="UOH1" s="216" t="s">
        <v>3633</v>
      </c>
      <c r="UOI1" s="216" t="s">
        <v>3633</v>
      </c>
      <c r="UOJ1" s="216" t="s">
        <v>3633</v>
      </c>
      <c r="UOK1" s="216" t="s">
        <v>3633</v>
      </c>
      <c r="UOL1" s="216" t="s">
        <v>3633</v>
      </c>
      <c r="UOM1" s="216" t="s">
        <v>3633</v>
      </c>
      <c r="UON1" s="216" t="s">
        <v>3633</v>
      </c>
      <c r="UOO1" s="216" t="s">
        <v>3633</v>
      </c>
      <c r="UOP1" s="216" t="s">
        <v>3633</v>
      </c>
      <c r="UOQ1" s="216" t="s">
        <v>3633</v>
      </c>
      <c r="UOR1" s="216" t="s">
        <v>3633</v>
      </c>
      <c r="UOS1" s="216" t="s">
        <v>3633</v>
      </c>
      <c r="UOT1" s="216" t="s">
        <v>3633</v>
      </c>
      <c r="UOU1" s="216" t="s">
        <v>3633</v>
      </c>
      <c r="UOV1" s="216" t="s">
        <v>3633</v>
      </c>
      <c r="UOW1" s="216" t="s">
        <v>3633</v>
      </c>
      <c r="UOX1" s="216" t="s">
        <v>3633</v>
      </c>
      <c r="UOY1" s="216" t="s">
        <v>3633</v>
      </c>
      <c r="UOZ1" s="216" t="s">
        <v>3633</v>
      </c>
      <c r="UPA1" s="216" t="s">
        <v>3633</v>
      </c>
      <c r="UPB1" s="216" t="s">
        <v>3633</v>
      </c>
      <c r="UPC1" s="216" t="s">
        <v>3633</v>
      </c>
      <c r="UPD1" s="216" t="s">
        <v>3633</v>
      </c>
      <c r="UPE1" s="216" t="s">
        <v>3633</v>
      </c>
      <c r="UPF1" s="216" t="s">
        <v>3633</v>
      </c>
      <c r="UPG1" s="216" t="s">
        <v>3633</v>
      </c>
      <c r="UPH1" s="216" t="s">
        <v>3633</v>
      </c>
      <c r="UPI1" s="216" t="s">
        <v>3633</v>
      </c>
      <c r="UPJ1" s="216" t="s">
        <v>3633</v>
      </c>
      <c r="UPK1" s="216" t="s">
        <v>3633</v>
      </c>
      <c r="UPL1" s="216" t="s">
        <v>3633</v>
      </c>
      <c r="UPM1" s="216" t="s">
        <v>3633</v>
      </c>
      <c r="UPN1" s="216" t="s">
        <v>3633</v>
      </c>
      <c r="UPO1" s="216" t="s">
        <v>3633</v>
      </c>
      <c r="UPP1" s="216" t="s">
        <v>3633</v>
      </c>
      <c r="UPQ1" s="216" t="s">
        <v>3633</v>
      </c>
      <c r="UPR1" s="216" t="s">
        <v>3633</v>
      </c>
      <c r="UPS1" s="216" t="s">
        <v>3633</v>
      </c>
      <c r="UPT1" s="216" t="s">
        <v>3633</v>
      </c>
      <c r="UPU1" s="216" t="s">
        <v>3633</v>
      </c>
      <c r="UPV1" s="216" t="s">
        <v>3633</v>
      </c>
      <c r="UPW1" s="216" t="s">
        <v>3633</v>
      </c>
      <c r="UPX1" s="216" t="s">
        <v>3633</v>
      </c>
      <c r="UPY1" s="216" t="s">
        <v>3633</v>
      </c>
      <c r="UPZ1" s="216" t="s">
        <v>3633</v>
      </c>
      <c r="UQA1" s="216" t="s">
        <v>3633</v>
      </c>
      <c r="UQB1" s="216" t="s">
        <v>3633</v>
      </c>
      <c r="UQC1" s="216" t="s">
        <v>3633</v>
      </c>
      <c r="UQD1" s="216" t="s">
        <v>3633</v>
      </c>
      <c r="UQE1" s="216" t="s">
        <v>3633</v>
      </c>
      <c r="UQF1" s="216" t="s">
        <v>3633</v>
      </c>
      <c r="UQG1" s="216" t="s">
        <v>3633</v>
      </c>
      <c r="UQH1" s="216" t="s">
        <v>3633</v>
      </c>
      <c r="UQI1" s="216" t="s">
        <v>3633</v>
      </c>
      <c r="UQJ1" s="216" t="s">
        <v>3633</v>
      </c>
      <c r="UQK1" s="216" t="s">
        <v>3633</v>
      </c>
      <c r="UQL1" s="216" t="s">
        <v>3633</v>
      </c>
      <c r="UQM1" s="216" t="s">
        <v>3633</v>
      </c>
      <c r="UQN1" s="216" t="s">
        <v>3633</v>
      </c>
      <c r="UQO1" s="216" t="s">
        <v>3633</v>
      </c>
      <c r="UQP1" s="216" t="s">
        <v>3633</v>
      </c>
      <c r="UQQ1" s="216" t="s">
        <v>3633</v>
      </c>
      <c r="UQR1" s="216" t="s">
        <v>3633</v>
      </c>
      <c r="UQS1" s="216" t="s">
        <v>3633</v>
      </c>
      <c r="UQT1" s="216" t="s">
        <v>3633</v>
      </c>
      <c r="UQU1" s="216" t="s">
        <v>3633</v>
      </c>
      <c r="UQV1" s="216" t="s">
        <v>3633</v>
      </c>
      <c r="UQW1" s="216" t="s">
        <v>3633</v>
      </c>
      <c r="UQX1" s="216" t="s">
        <v>3633</v>
      </c>
      <c r="UQY1" s="216" t="s">
        <v>3633</v>
      </c>
      <c r="UQZ1" s="216" t="s">
        <v>3633</v>
      </c>
      <c r="URA1" s="216" t="s">
        <v>3633</v>
      </c>
      <c r="URB1" s="216" t="s">
        <v>3633</v>
      </c>
      <c r="URC1" s="216" t="s">
        <v>3633</v>
      </c>
      <c r="URD1" s="216" t="s">
        <v>3633</v>
      </c>
      <c r="URE1" s="216" t="s">
        <v>3633</v>
      </c>
      <c r="URF1" s="216" t="s">
        <v>3633</v>
      </c>
      <c r="URG1" s="216" t="s">
        <v>3633</v>
      </c>
      <c r="URH1" s="216" t="s">
        <v>3633</v>
      </c>
      <c r="URI1" s="216" t="s">
        <v>3633</v>
      </c>
      <c r="URJ1" s="216" t="s">
        <v>3633</v>
      </c>
      <c r="URK1" s="216" t="s">
        <v>3633</v>
      </c>
      <c r="URL1" s="216" t="s">
        <v>3633</v>
      </c>
      <c r="URM1" s="216" t="s">
        <v>3633</v>
      </c>
      <c r="URN1" s="216" t="s">
        <v>3633</v>
      </c>
      <c r="URO1" s="216" t="s">
        <v>3633</v>
      </c>
      <c r="URP1" s="216" t="s">
        <v>3633</v>
      </c>
      <c r="URQ1" s="216" t="s">
        <v>3633</v>
      </c>
      <c r="URR1" s="216" t="s">
        <v>3633</v>
      </c>
      <c r="URS1" s="216" t="s">
        <v>3633</v>
      </c>
      <c r="URT1" s="216" t="s">
        <v>3633</v>
      </c>
      <c r="URU1" s="216" t="s">
        <v>3633</v>
      </c>
      <c r="URV1" s="216" t="s">
        <v>3633</v>
      </c>
      <c r="URW1" s="216" t="s">
        <v>3633</v>
      </c>
      <c r="URX1" s="216" t="s">
        <v>3633</v>
      </c>
      <c r="URY1" s="216" t="s">
        <v>3633</v>
      </c>
      <c r="URZ1" s="216" t="s">
        <v>3633</v>
      </c>
      <c r="USA1" s="216" t="s">
        <v>3633</v>
      </c>
      <c r="USB1" s="216" t="s">
        <v>3633</v>
      </c>
      <c r="USC1" s="216" t="s">
        <v>3633</v>
      </c>
      <c r="USD1" s="216" t="s">
        <v>3633</v>
      </c>
      <c r="USE1" s="216" t="s">
        <v>3633</v>
      </c>
      <c r="USF1" s="216" t="s">
        <v>3633</v>
      </c>
      <c r="USG1" s="216" t="s">
        <v>3633</v>
      </c>
      <c r="USH1" s="216" t="s">
        <v>3633</v>
      </c>
      <c r="USI1" s="216" t="s">
        <v>3633</v>
      </c>
      <c r="USJ1" s="216" t="s">
        <v>3633</v>
      </c>
      <c r="USK1" s="216" t="s">
        <v>3633</v>
      </c>
      <c r="USL1" s="216" t="s">
        <v>3633</v>
      </c>
      <c r="USM1" s="216" t="s">
        <v>3633</v>
      </c>
      <c r="USN1" s="216" t="s">
        <v>3633</v>
      </c>
      <c r="USO1" s="216" t="s">
        <v>3633</v>
      </c>
      <c r="USP1" s="216" t="s">
        <v>3633</v>
      </c>
      <c r="USQ1" s="216" t="s">
        <v>3633</v>
      </c>
      <c r="USR1" s="216" t="s">
        <v>3633</v>
      </c>
      <c r="USS1" s="216" t="s">
        <v>3633</v>
      </c>
      <c r="UST1" s="216" t="s">
        <v>3633</v>
      </c>
      <c r="USU1" s="216" t="s">
        <v>3633</v>
      </c>
      <c r="USV1" s="216" t="s">
        <v>3633</v>
      </c>
      <c r="USW1" s="216" t="s">
        <v>3633</v>
      </c>
      <c r="USX1" s="216" t="s">
        <v>3633</v>
      </c>
      <c r="USY1" s="216" t="s">
        <v>3633</v>
      </c>
      <c r="USZ1" s="216" t="s">
        <v>3633</v>
      </c>
      <c r="UTA1" s="216" t="s">
        <v>3633</v>
      </c>
      <c r="UTB1" s="216" t="s">
        <v>3633</v>
      </c>
      <c r="UTC1" s="216" t="s">
        <v>3633</v>
      </c>
      <c r="UTD1" s="216" t="s">
        <v>3633</v>
      </c>
      <c r="UTE1" s="216" t="s">
        <v>3633</v>
      </c>
      <c r="UTF1" s="216" t="s">
        <v>3633</v>
      </c>
      <c r="UTG1" s="216" t="s">
        <v>3633</v>
      </c>
      <c r="UTH1" s="216" t="s">
        <v>3633</v>
      </c>
      <c r="UTI1" s="216" t="s">
        <v>3633</v>
      </c>
      <c r="UTJ1" s="216" t="s">
        <v>3633</v>
      </c>
      <c r="UTK1" s="216" t="s">
        <v>3633</v>
      </c>
      <c r="UTL1" s="216" t="s">
        <v>3633</v>
      </c>
      <c r="UTM1" s="216" t="s">
        <v>3633</v>
      </c>
      <c r="UTN1" s="216" t="s">
        <v>3633</v>
      </c>
      <c r="UTO1" s="216" t="s">
        <v>3633</v>
      </c>
      <c r="UTP1" s="216" t="s">
        <v>3633</v>
      </c>
      <c r="UTQ1" s="216" t="s">
        <v>3633</v>
      </c>
      <c r="UTR1" s="216" t="s">
        <v>3633</v>
      </c>
      <c r="UTS1" s="216" t="s">
        <v>3633</v>
      </c>
      <c r="UTT1" s="216" t="s">
        <v>3633</v>
      </c>
      <c r="UTU1" s="216" t="s">
        <v>3633</v>
      </c>
      <c r="UTV1" s="216" t="s">
        <v>3633</v>
      </c>
      <c r="UTW1" s="216" t="s">
        <v>3633</v>
      </c>
      <c r="UTX1" s="216" t="s">
        <v>3633</v>
      </c>
      <c r="UTY1" s="216" t="s">
        <v>3633</v>
      </c>
      <c r="UTZ1" s="216" t="s">
        <v>3633</v>
      </c>
      <c r="UUA1" s="216" t="s">
        <v>3633</v>
      </c>
      <c r="UUB1" s="216" t="s">
        <v>3633</v>
      </c>
      <c r="UUC1" s="216" t="s">
        <v>3633</v>
      </c>
      <c r="UUD1" s="216" t="s">
        <v>3633</v>
      </c>
      <c r="UUE1" s="216" t="s">
        <v>3633</v>
      </c>
      <c r="UUF1" s="216" t="s">
        <v>3633</v>
      </c>
      <c r="UUG1" s="216" t="s">
        <v>3633</v>
      </c>
      <c r="UUH1" s="216" t="s">
        <v>3633</v>
      </c>
      <c r="UUI1" s="216" t="s">
        <v>3633</v>
      </c>
      <c r="UUJ1" s="216" t="s">
        <v>3633</v>
      </c>
      <c r="UUK1" s="216" t="s">
        <v>3633</v>
      </c>
      <c r="UUL1" s="216" t="s">
        <v>3633</v>
      </c>
      <c r="UUM1" s="216" t="s">
        <v>3633</v>
      </c>
      <c r="UUN1" s="216" t="s">
        <v>3633</v>
      </c>
      <c r="UUO1" s="216" t="s">
        <v>3633</v>
      </c>
      <c r="UUP1" s="216" t="s">
        <v>3633</v>
      </c>
      <c r="UUQ1" s="216" t="s">
        <v>3633</v>
      </c>
      <c r="UUR1" s="216" t="s">
        <v>3633</v>
      </c>
      <c r="UUS1" s="216" t="s">
        <v>3633</v>
      </c>
      <c r="UUT1" s="216" t="s">
        <v>3633</v>
      </c>
      <c r="UUU1" s="216" t="s">
        <v>3633</v>
      </c>
      <c r="UUV1" s="216" t="s">
        <v>3633</v>
      </c>
      <c r="UUW1" s="216" t="s">
        <v>3633</v>
      </c>
      <c r="UUX1" s="216" t="s">
        <v>3633</v>
      </c>
      <c r="UUY1" s="216" t="s">
        <v>3633</v>
      </c>
      <c r="UUZ1" s="216" t="s">
        <v>3633</v>
      </c>
      <c r="UVA1" s="216" t="s">
        <v>3633</v>
      </c>
      <c r="UVB1" s="216" t="s">
        <v>3633</v>
      </c>
      <c r="UVC1" s="216" t="s">
        <v>3633</v>
      </c>
      <c r="UVD1" s="216" t="s">
        <v>3633</v>
      </c>
      <c r="UVE1" s="216" t="s">
        <v>3633</v>
      </c>
      <c r="UVF1" s="216" t="s">
        <v>3633</v>
      </c>
      <c r="UVG1" s="216" t="s">
        <v>3633</v>
      </c>
      <c r="UVH1" s="216" t="s">
        <v>3633</v>
      </c>
      <c r="UVI1" s="216" t="s">
        <v>3633</v>
      </c>
      <c r="UVJ1" s="216" t="s">
        <v>3633</v>
      </c>
      <c r="UVK1" s="216" t="s">
        <v>3633</v>
      </c>
      <c r="UVL1" s="216" t="s">
        <v>3633</v>
      </c>
      <c r="UVM1" s="216" t="s">
        <v>3633</v>
      </c>
      <c r="UVN1" s="216" t="s">
        <v>3633</v>
      </c>
      <c r="UVO1" s="216" t="s">
        <v>3633</v>
      </c>
      <c r="UVP1" s="216" t="s">
        <v>3633</v>
      </c>
      <c r="UVQ1" s="216" t="s">
        <v>3633</v>
      </c>
      <c r="UVR1" s="216" t="s">
        <v>3633</v>
      </c>
      <c r="UVS1" s="216" t="s">
        <v>3633</v>
      </c>
      <c r="UVT1" s="216" t="s">
        <v>3633</v>
      </c>
      <c r="UVU1" s="216" t="s">
        <v>3633</v>
      </c>
      <c r="UVV1" s="216" t="s">
        <v>3633</v>
      </c>
      <c r="UVW1" s="216" t="s">
        <v>3633</v>
      </c>
      <c r="UVX1" s="216" t="s">
        <v>3633</v>
      </c>
      <c r="UVY1" s="216" t="s">
        <v>3633</v>
      </c>
      <c r="UVZ1" s="216" t="s">
        <v>3633</v>
      </c>
      <c r="UWA1" s="216" t="s">
        <v>3633</v>
      </c>
      <c r="UWB1" s="216" t="s">
        <v>3633</v>
      </c>
      <c r="UWC1" s="216" t="s">
        <v>3633</v>
      </c>
      <c r="UWD1" s="216" t="s">
        <v>3633</v>
      </c>
      <c r="UWE1" s="216" t="s">
        <v>3633</v>
      </c>
      <c r="UWF1" s="216" t="s">
        <v>3633</v>
      </c>
      <c r="UWG1" s="216" t="s">
        <v>3633</v>
      </c>
      <c r="UWH1" s="216" t="s">
        <v>3633</v>
      </c>
      <c r="UWI1" s="216" t="s">
        <v>3633</v>
      </c>
      <c r="UWJ1" s="216" t="s">
        <v>3633</v>
      </c>
      <c r="UWK1" s="216" t="s">
        <v>3633</v>
      </c>
      <c r="UWL1" s="216" t="s">
        <v>3633</v>
      </c>
      <c r="UWM1" s="216" t="s">
        <v>3633</v>
      </c>
      <c r="UWN1" s="216" t="s">
        <v>3633</v>
      </c>
      <c r="UWO1" s="216" t="s">
        <v>3633</v>
      </c>
      <c r="UWP1" s="216" t="s">
        <v>3633</v>
      </c>
      <c r="UWQ1" s="216" t="s">
        <v>3633</v>
      </c>
      <c r="UWR1" s="216" t="s">
        <v>3633</v>
      </c>
      <c r="UWS1" s="216" t="s">
        <v>3633</v>
      </c>
      <c r="UWT1" s="216" t="s">
        <v>3633</v>
      </c>
      <c r="UWU1" s="216" t="s">
        <v>3633</v>
      </c>
      <c r="UWV1" s="216" t="s">
        <v>3633</v>
      </c>
      <c r="UWW1" s="216" t="s">
        <v>3633</v>
      </c>
      <c r="UWX1" s="216" t="s">
        <v>3633</v>
      </c>
      <c r="UWY1" s="216" t="s">
        <v>3633</v>
      </c>
      <c r="UWZ1" s="216" t="s">
        <v>3633</v>
      </c>
      <c r="UXA1" s="216" t="s">
        <v>3633</v>
      </c>
      <c r="UXB1" s="216" t="s">
        <v>3633</v>
      </c>
      <c r="UXC1" s="216" t="s">
        <v>3633</v>
      </c>
      <c r="UXD1" s="216" t="s">
        <v>3633</v>
      </c>
      <c r="UXE1" s="216" t="s">
        <v>3633</v>
      </c>
      <c r="UXF1" s="216" t="s">
        <v>3633</v>
      </c>
      <c r="UXG1" s="216" t="s">
        <v>3633</v>
      </c>
      <c r="UXH1" s="216" t="s">
        <v>3633</v>
      </c>
      <c r="UXI1" s="216" t="s">
        <v>3633</v>
      </c>
      <c r="UXJ1" s="216" t="s">
        <v>3633</v>
      </c>
      <c r="UXK1" s="216" t="s">
        <v>3633</v>
      </c>
      <c r="UXL1" s="216" t="s">
        <v>3633</v>
      </c>
      <c r="UXM1" s="216" t="s">
        <v>3633</v>
      </c>
      <c r="UXN1" s="216" t="s">
        <v>3633</v>
      </c>
      <c r="UXO1" s="216" t="s">
        <v>3633</v>
      </c>
      <c r="UXP1" s="216" t="s">
        <v>3633</v>
      </c>
      <c r="UXQ1" s="216" t="s">
        <v>3633</v>
      </c>
      <c r="UXR1" s="216" t="s">
        <v>3633</v>
      </c>
      <c r="UXS1" s="216" t="s">
        <v>3633</v>
      </c>
      <c r="UXT1" s="216" t="s">
        <v>3633</v>
      </c>
      <c r="UXU1" s="216" t="s">
        <v>3633</v>
      </c>
      <c r="UXV1" s="216" t="s">
        <v>3633</v>
      </c>
      <c r="UXW1" s="216" t="s">
        <v>3633</v>
      </c>
      <c r="UXX1" s="216" t="s">
        <v>3633</v>
      </c>
      <c r="UXY1" s="216" t="s">
        <v>3633</v>
      </c>
      <c r="UXZ1" s="216" t="s">
        <v>3633</v>
      </c>
      <c r="UYA1" s="216" t="s">
        <v>3633</v>
      </c>
      <c r="UYB1" s="216" t="s">
        <v>3633</v>
      </c>
      <c r="UYC1" s="216" t="s">
        <v>3633</v>
      </c>
      <c r="UYD1" s="216" t="s">
        <v>3633</v>
      </c>
      <c r="UYE1" s="216" t="s">
        <v>3633</v>
      </c>
      <c r="UYF1" s="216" t="s">
        <v>3633</v>
      </c>
      <c r="UYG1" s="216" t="s">
        <v>3633</v>
      </c>
      <c r="UYH1" s="216" t="s">
        <v>3633</v>
      </c>
      <c r="UYI1" s="216" t="s">
        <v>3633</v>
      </c>
      <c r="UYJ1" s="216" t="s">
        <v>3633</v>
      </c>
      <c r="UYK1" s="216" t="s">
        <v>3633</v>
      </c>
      <c r="UYL1" s="216" t="s">
        <v>3633</v>
      </c>
      <c r="UYM1" s="216" t="s">
        <v>3633</v>
      </c>
      <c r="UYN1" s="216" t="s">
        <v>3633</v>
      </c>
      <c r="UYO1" s="216" t="s">
        <v>3633</v>
      </c>
      <c r="UYP1" s="216" t="s">
        <v>3633</v>
      </c>
      <c r="UYQ1" s="216" t="s">
        <v>3633</v>
      </c>
      <c r="UYR1" s="216" t="s">
        <v>3633</v>
      </c>
      <c r="UYS1" s="216" t="s">
        <v>3633</v>
      </c>
      <c r="UYT1" s="216" t="s">
        <v>3633</v>
      </c>
      <c r="UYU1" s="216" t="s">
        <v>3633</v>
      </c>
      <c r="UYV1" s="216" t="s">
        <v>3633</v>
      </c>
      <c r="UYW1" s="216" t="s">
        <v>3633</v>
      </c>
      <c r="UYX1" s="216" t="s">
        <v>3633</v>
      </c>
      <c r="UYY1" s="216" t="s">
        <v>3633</v>
      </c>
      <c r="UYZ1" s="216" t="s">
        <v>3633</v>
      </c>
      <c r="UZA1" s="216" t="s">
        <v>3633</v>
      </c>
      <c r="UZB1" s="216" t="s">
        <v>3633</v>
      </c>
      <c r="UZC1" s="216" t="s">
        <v>3633</v>
      </c>
      <c r="UZD1" s="216" t="s">
        <v>3633</v>
      </c>
      <c r="UZE1" s="216" t="s">
        <v>3633</v>
      </c>
      <c r="UZF1" s="216" t="s">
        <v>3633</v>
      </c>
      <c r="UZG1" s="216" t="s">
        <v>3633</v>
      </c>
      <c r="UZH1" s="216" t="s">
        <v>3633</v>
      </c>
      <c r="UZI1" s="216" t="s">
        <v>3633</v>
      </c>
      <c r="UZJ1" s="216" t="s">
        <v>3633</v>
      </c>
      <c r="UZK1" s="216" t="s">
        <v>3633</v>
      </c>
      <c r="UZL1" s="216" t="s">
        <v>3633</v>
      </c>
      <c r="UZM1" s="216" t="s">
        <v>3633</v>
      </c>
      <c r="UZN1" s="216" t="s">
        <v>3633</v>
      </c>
      <c r="UZO1" s="216" t="s">
        <v>3633</v>
      </c>
      <c r="UZP1" s="216" t="s">
        <v>3633</v>
      </c>
      <c r="UZQ1" s="216" t="s">
        <v>3633</v>
      </c>
      <c r="UZR1" s="216" t="s">
        <v>3633</v>
      </c>
      <c r="UZS1" s="216" t="s">
        <v>3633</v>
      </c>
      <c r="UZT1" s="216" t="s">
        <v>3633</v>
      </c>
      <c r="UZU1" s="216" t="s">
        <v>3633</v>
      </c>
      <c r="UZV1" s="216" t="s">
        <v>3633</v>
      </c>
      <c r="UZW1" s="216" t="s">
        <v>3633</v>
      </c>
      <c r="UZX1" s="216" t="s">
        <v>3633</v>
      </c>
      <c r="UZY1" s="216" t="s">
        <v>3633</v>
      </c>
      <c r="UZZ1" s="216" t="s">
        <v>3633</v>
      </c>
      <c r="VAA1" s="216" t="s">
        <v>3633</v>
      </c>
      <c r="VAB1" s="216" t="s">
        <v>3633</v>
      </c>
      <c r="VAC1" s="216" t="s">
        <v>3633</v>
      </c>
      <c r="VAD1" s="216" t="s">
        <v>3633</v>
      </c>
      <c r="VAE1" s="216" t="s">
        <v>3633</v>
      </c>
      <c r="VAF1" s="216" t="s">
        <v>3633</v>
      </c>
      <c r="VAG1" s="216" t="s">
        <v>3633</v>
      </c>
      <c r="VAH1" s="216" t="s">
        <v>3633</v>
      </c>
      <c r="VAI1" s="216" t="s">
        <v>3633</v>
      </c>
      <c r="VAJ1" s="216" t="s">
        <v>3633</v>
      </c>
      <c r="VAK1" s="216" t="s">
        <v>3633</v>
      </c>
      <c r="VAL1" s="216" t="s">
        <v>3633</v>
      </c>
      <c r="VAM1" s="216" t="s">
        <v>3633</v>
      </c>
      <c r="VAN1" s="216" t="s">
        <v>3633</v>
      </c>
      <c r="VAO1" s="216" t="s">
        <v>3633</v>
      </c>
      <c r="VAP1" s="216" t="s">
        <v>3633</v>
      </c>
      <c r="VAQ1" s="216" t="s">
        <v>3633</v>
      </c>
      <c r="VAR1" s="216" t="s">
        <v>3633</v>
      </c>
      <c r="VAS1" s="216" t="s">
        <v>3633</v>
      </c>
      <c r="VAT1" s="216" t="s">
        <v>3633</v>
      </c>
      <c r="VAU1" s="216" t="s">
        <v>3633</v>
      </c>
      <c r="VAV1" s="216" t="s">
        <v>3633</v>
      </c>
      <c r="VAW1" s="216" t="s">
        <v>3633</v>
      </c>
      <c r="VAX1" s="216" t="s">
        <v>3633</v>
      </c>
      <c r="VAY1" s="216" t="s">
        <v>3633</v>
      </c>
      <c r="VAZ1" s="216" t="s">
        <v>3633</v>
      </c>
      <c r="VBA1" s="216" t="s">
        <v>3633</v>
      </c>
      <c r="VBB1" s="216" t="s">
        <v>3633</v>
      </c>
      <c r="VBC1" s="216" t="s">
        <v>3633</v>
      </c>
      <c r="VBD1" s="216" t="s">
        <v>3633</v>
      </c>
      <c r="VBE1" s="216" t="s">
        <v>3633</v>
      </c>
      <c r="VBF1" s="216" t="s">
        <v>3633</v>
      </c>
      <c r="VBG1" s="216" t="s">
        <v>3633</v>
      </c>
      <c r="VBH1" s="216" t="s">
        <v>3633</v>
      </c>
      <c r="VBI1" s="216" t="s">
        <v>3633</v>
      </c>
      <c r="VBJ1" s="216" t="s">
        <v>3633</v>
      </c>
      <c r="VBK1" s="216" t="s">
        <v>3633</v>
      </c>
      <c r="VBL1" s="216" t="s">
        <v>3633</v>
      </c>
      <c r="VBM1" s="216" t="s">
        <v>3633</v>
      </c>
      <c r="VBN1" s="216" t="s">
        <v>3633</v>
      </c>
      <c r="VBO1" s="216" t="s">
        <v>3633</v>
      </c>
      <c r="VBP1" s="216" t="s">
        <v>3633</v>
      </c>
      <c r="VBQ1" s="216" t="s">
        <v>3633</v>
      </c>
      <c r="VBR1" s="216" t="s">
        <v>3633</v>
      </c>
      <c r="VBS1" s="216" t="s">
        <v>3633</v>
      </c>
      <c r="VBT1" s="216" t="s">
        <v>3633</v>
      </c>
      <c r="VBU1" s="216" t="s">
        <v>3633</v>
      </c>
      <c r="VBV1" s="216" t="s">
        <v>3633</v>
      </c>
      <c r="VBW1" s="216" t="s">
        <v>3633</v>
      </c>
      <c r="VBX1" s="216" t="s">
        <v>3633</v>
      </c>
      <c r="VBY1" s="216" t="s">
        <v>3633</v>
      </c>
      <c r="VBZ1" s="216" t="s">
        <v>3633</v>
      </c>
      <c r="VCA1" s="216" t="s">
        <v>3633</v>
      </c>
      <c r="VCB1" s="216" t="s">
        <v>3633</v>
      </c>
      <c r="VCC1" s="216" t="s">
        <v>3633</v>
      </c>
      <c r="VCD1" s="216" t="s">
        <v>3633</v>
      </c>
      <c r="VCE1" s="216" t="s">
        <v>3633</v>
      </c>
      <c r="VCF1" s="216" t="s">
        <v>3633</v>
      </c>
      <c r="VCG1" s="216" t="s">
        <v>3633</v>
      </c>
      <c r="VCH1" s="216" t="s">
        <v>3633</v>
      </c>
      <c r="VCI1" s="216" t="s">
        <v>3633</v>
      </c>
      <c r="VCJ1" s="216" t="s">
        <v>3633</v>
      </c>
      <c r="VCK1" s="216" t="s">
        <v>3633</v>
      </c>
      <c r="VCL1" s="216" t="s">
        <v>3633</v>
      </c>
      <c r="VCM1" s="216" t="s">
        <v>3633</v>
      </c>
      <c r="VCN1" s="216" t="s">
        <v>3633</v>
      </c>
      <c r="VCO1" s="216" t="s">
        <v>3633</v>
      </c>
      <c r="VCP1" s="216" t="s">
        <v>3633</v>
      </c>
      <c r="VCQ1" s="216" t="s">
        <v>3633</v>
      </c>
      <c r="VCR1" s="216" t="s">
        <v>3633</v>
      </c>
      <c r="VCS1" s="216" t="s">
        <v>3633</v>
      </c>
      <c r="VCT1" s="216" t="s">
        <v>3633</v>
      </c>
      <c r="VCU1" s="216" t="s">
        <v>3633</v>
      </c>
      <c r="VCV1" s="216" t="s">
        <v>3633</v>
      </c>
      <c r="VCW1" s="216" t="s">
        <v>3633</v>
      </c>
      <c r="VCX1" s="216" t="s">
        <v>3633</v>
      </c>
      <c r="VCY1" s="216" t="s">
        <v>3633</v>
      </c>
      <c r="VCZ1" s="216" t="s">
        <v>3633</v>
      </c>
      <c r="VDA1" s="216" t="s">
        <v>3633</v>
      </c>
      <c r="VDB1" s="216" t="s">
        <v>3633</v>
      </c>
      <c r="VDC1" s="216" t="s">
        <v>3633</v>
      </c>
      <c r="VDD1" s="216" t="s">
        <v>3633</v>
      </c>
      <c r="VDE1" s="216" t="s">
        <v>3633</v>
      </c>
      <c r="VDF1" s="216" t="s">
        <v>3633</v>
      </c>
      <c r="VDG1" s="216" t="s">
        <v>3633</v>
      </c>
      <c r="VDH1" s="216" t="s">
        <v>3633</v>
      </c>
      <c r="VDI1" s="216" t="s">
        <v>3633</v>
      </c>
      <c r="VDJ1" s="216" t="s">
        <v>3633</v>
      </c>
      <c r="VDK1" s="216" t="s">
        <v>3633</v>
      </c>
      <c r="VDL1" s="216" t="s">
        <v>3633</v>
      </c>
      <c r="VDM1" s="216" t="s">
        <v>3633</v>
      </c>
      <c r="VDN1" s="216" t="s">
        <v>3633</v>
      </c>
      <c r="VDO1" s="216" t="s">
        <v>3633</v>
      </c>
      <c r="VDP1" s="216" t="s">
        <v>3633</v>
      </c>
      <c r="VDQ1" s="216" t="s">
        <v>3633</v>
      </c>
      <c r="VDR1" s="216" t="s">
        <v>3633</v>
      </c>
      <c r="VDS1" s="216" t="s">
        <v>3633</v>
      </c>
      <c r="VDT1" s="216" t="s">
        <v>3633</v>
      </c>
      <c r="VDU1" s="216" t="s">
        <v>3633</v>
      </c>
      <c r="VDV1" s="216" t="s">
        <v>3633</v>
      </c>
      <c r="VDW1" s="216" t="s">
        <v>3633</v>
      </c>
      <c r="VDX1" s="216" t="s">
        <v>3633</v>
      </c>
      <c r="VDY1" s="216" t="s">
        <v>3633</v>
      </c>
      <c r="VDZ1" s="216" t="s">
        <v>3633</v>
      </c>
      <c r="VEA1" s="216" t="s">
        <v>3633</v>
      </c>
      <c r="VEB1" s="216" t="s">
        <v>3633</v>
      </c>
      <c r="VEC1" s="216" t="s">
        <v>3633</v>
      </c>
      <c r="VED1" s="216" t="s">
        <v>3633</v>
      </c>
      <c r="VEE1" s="216" t="s">
        <v>3633</v>
      </c>
      <c r="VEF1" s="216" t="s">
        <v>3633</v>
      </c>
      <c r="VEG1" s="216" t="s">
        <v>3633</v>
      </c>
      <c r="VEH1" s="216" t="s">
        <v>3633</v>
      </c>
      <c r="VEI1" s="216" t="s">
        <v>3633</v>
      </c>
      <c r="VEJ1" s="216" t="s">
        <v>3633</v>
      </c>
      <c r="VEK1" s="216" t="s">
        <v>3633</v>
      </c>
      <c r="VEL1" s="216" t="s">
        <v>3633</v>
      </c>
      <c r="VEM1" s="216" t="s">
        <v>3633</v>
      </c>
      <c r="VEN1" s="216" t="s">
        <v>3633</v>
      </c>
      <c r="VEO1" s="216" t="s">
        <v>3633</v>
      </c>
      <c r="VEP1" s="216" t="s">
        <v>3633</v>
      </c>
      <c r="VEQ1" s="216" t="s">
        <v>3633</v>
      </c>
      <c r="VER1" s="216" t="s">
        <v>3633</v>
      </c>
      <c r="VES1" s="216" t="s">
        <v>3633</v>
      </c>
      <c r="VET1" s="216" t="s">
        <v>3633</v>
      </c>
      <c r="VEU1" s="216" t="s">
        <v>3633</v>
      </c>
      <c r="VEV1" s="216" t="s">
        <v>3633</v>
      </c>
      <c r="VEW1" s="216" t="s">
        <v>3633</v>
      </c>
      <c r="VEX1" s="216" t="s">
        <v>3633</v>
      </c>
      <c r="VEY1" s="216" t="s">
        <v>3633</v>
      </c>
      <c r="VEZ1" s="216" t="s">
        <v>3633</v>
      </c>
      <c r="VFA1" s="216" t="s">
        <v>3633</v>
      </c>
      <c r="VFB1" s="216" t="s">
        <v>3633</v>
      </c>
      <c r="VFC1" s="216" t="s">
        <v>3633</v>
      </c>
      <c r="VFD1" s="216" t="s">
        <v>3633</v>
      </c>
      <c r="VFE1" s="216" t="s">
        <v>3633</v>
      </c>
      <c r="VFF1" s="216" t="s">
        <v>3633</v>
      </c>
      <c r="VFG1" s="216" t="s">
        <v>3633</v>
      </c>
      <c r="VFH1" s="216" t="s">
        <v>3633</v>
      </c>
      <c r="VFI1" s="216" t="s">
        <v>3633</v>
      </c>
      <c r="VFJ1" s="216" t="s">
        <v>3633</v>
      </c>
      <c r="VFK1" s="216" t="s">
        <v>3633</v>
      </c>
      <c r="VFL1" s="216" t="s">
        <v>3633</v>
      </c>
      <c r="VFM1" s="216" t="s">
        <v>3633</v>
      </c>
      <c r="VFN1" s="216" t="s">
        <v>3633</v>
      </c>
      <c r="VFO1" s="216" t="s">
        <v>3633</v>
      </c>
      <c r="VFP1" s="216" t="s">
        <v>3633</v>
      </c>
      <c r="VFQ1" s="216" t="s">
        <v>3633</v>
      </c>
      <c r="VFR1" s="216" t="s">
        <v>3633</v>
      </c>
      <c r="VFS1" s="216" t="s">
        <v>3633</v>
      </c>
      <c r="VFT1" s="216" t="s">
        <v>3633</v>
      </c>
      <c r="VFU1" s="216" t="s">
        <v>3633</v>
      </c>
      <c r="VFV1" s="216" t="s">
        <v>3633</v>
      </c>
      <c r="VFW1" s="216" t="s">
        <v>3633</v>
      </c>
      <c r="VFX1" s="216" t="s">
        <v>3633</v>
      </c>
      <c r="VFY1" s="216" t="s">
        <v>3633</v>
      </c>
      <c r="VFZ1" s="216" t="s">
        <v>3633</v>
      </c>
      <c r="VGA1" s="216" t="s">
        <v>3633</v>
      </c>
      <c r="VGB1" s="216" t="s">
        <v>3633</v>
      </c>
      <c r="VGC1" s="216" t="s">
        <v>3633</v>
      </c>
      <c r="VGD1" s="216" t="s">
        <v>3633</v>
      </c>
      <c r="VGE1" s="216" t="s">
        <v>3633</v>
      </c>
      <c r="VGF1" s="216" t="s">
        <v>3633</v>
      </c>
      <c r="VGG1" s="216" t="s">
        <v>3633</v>
      </c>
      <c r="VGH1" s="216" t="s">
        <v>3633</v>
      </c>
      <c r="VGI1" s="216" t="s">
        <v>3633</v>
      </c>
      <c r="VGJ1" s="216" t="s">
        <v>3633</v>
      </c>
      <c r="VGK1" s="216" t="s">
        <v>3633</v>
      </c>
      <c r="VGL1" s="216" t="s">
        <v>3633</v>
      </c>
      <c r="VGM1" s="216" t="s">
        <v>3633</v>
      </c>
      <c r="VGN1" s="216" t="s">
        <v>3633</v>
      </c>
      <c r="VGO1" s="216" t="s">
        <v>3633</v>
      </c>
      <c r="VGP1" s="216" t="s">
        <v>3633</v>
      </c>
      <c r="VGQ1" s="216" t="s">
        <v>3633</v>
      </c>
      <c r="VGR1" s="216" t="s">
        <v>3633</v>
      </c>
      <c r="VGS1" s="216" t="s">
        <v>3633</v>
      </c>
      <c r="VGT1" s="216" t="s">
        <v>3633</v>
      </c>
      <c r="VGU1" s="216" t="s">
        <v>3633</v>
      </c>
      <c r="VGV1" s="216" t="s">
        <v>3633</v>
      </c>
      <c r="VGW1" s="216" t="s">
        <v>3633</v>
      </c>
      <c r="VGX1" s="216" t="s">
        <v>3633</v>
      </c>
      <c r="VGY1" s="216" t="s">
        <v>3633</v>
      </c>
      <c r="VGZ1" s="216" t="s">
        <v>3633</v>
      </c>
      <c r="VHA1" s="216" t="s">
        <v>3633</v>
      </c>
      <c r="VHB1" s="216" t="s">
        <v>3633</v>
      </c>
      <c r="VHC1" s="216" t="s">
        <v>3633</v>
      </c>
      <c r="VHD1" s="216" t="s">
        <v>3633</v>
      </c>
      <c r="VHE1" s="216" t="s">
        <v>3633</v>
      </c>
      <c r="VHF1" s="216" t="s">
        <v>3633</v>
      </c>
      <c r="VHG1" s="216" t="s">
        <v>3633</v>
      </c>
      <c r="VHH1" s="216" t="s">
        <v>3633</v>
      </c>
      <c r="VHI1" s="216" t="s">
        <v>3633</v>
      </c>
      <c r="VHJ1" s="216" t="s">
        <v>3633</v>
      </c>
      <c r="VHK1" s="216" t="s">
        <v>3633</v>
      </c>
      <c r="VHL1" s="216" t="s">
        <v>3633</v>
      </c>
      <c r="VHM1" s="216" t="s">
        <v>3633</v>
      </c>
      <c r="VHN1" s="216" t="s">
        <v>3633</v>
      </c>
      <c r="VHO1" s="216" t="s">
        <v>3633</v>
      </c>
      <c r="VHP1" s="216" t="s">
        <v>3633</v>
      </c>
      <c r="VHQ1" s="216" t="s">
        <v>3633</v>
      </c>
      <c r="VHR1" s="216" t="s">
        <v>3633</v>
      </c>
      <c r="VHS1" s="216" t="s">
        <v>3633</v>
      </c>
      <c r="VHT1" s="216" t="s">
        <v>3633</v>
      </c>
      <c r="VHU1" s="216" t="s">
        <v>3633</v>
      </c>
      <c r="VHV1" s="216" t="s">
        <v>3633</v>
      </c>
      <c r="VHW1" s="216" t="s">
        <v>3633</v>
      </c>
      <c r="VHX1" s="216" t="s">
        <v>3633</v>
      </c>
      <c r="VHY1" s="216" t="s">
        <v>3633</v>
      </c>
      <c r="VHZ1" s="216" t="s">
        <v>3633</v>
      </c>
      <c r="VIA1" s="216" t="s">
        <v>3633</v>
      </c>
      <c r="VIB1" s="216" t="s">
        <v>3633</v>
      </c>
      <c r="VIC1" s="216" t="s">
        <v>3633</v>
      </c>
      <c r="VID1" s="216" t="s">
        <v>3633</v>
      </c>
      <c r="VIE1" s="216" t="s">
        <v>3633</v>
      </c>
      <c r="VIF1" s="216" t="s">
        <v>3633</v>
      </c>
      <c r="VIG1" s="216" t="s">
        <v>3633</v>
      </c>
      <c r="VIH1" s="216" t="s">
        <v>3633</v>
      </c>
      <c r="VII1" s="216" t="s">
        <v>3633</v>
      </c>
      <c r="VIJ1" s="216" t="s">
        <v>3633</v>
      </c>
      <c r="VIK1" s="216" t="s">
        <v>3633</v>
      </c>
      <c r="VIL1" s="216" t="s">
        <v>3633</v>
      </c>
      <c r="VIM1" s="216" t="s">
        <v>3633</v>
      </c>
      <c r="VIN1" s="216" t="s">
        <v>3633</v>
      </c>
      <c r="VIO1" s="216" t="s">
        <v>3633</v>
      </c>
      <c r="VIP1" s="216" t="s">
        <v>3633</v>
      </c>
      <c r="VIQ1" s="216" t="s">
        <v>3633</v>
      </c>
      <c r="VIR1" s="216" t="s">
        <v>3633</v>
      </c>
      <c r="VIS1" s="216" t="s">
        <v>3633</v>
      </c>
      <c r="VIT1" s="216" t="s">
        <v>3633</v>
      </c>
      <c r="VIU1" s="216" t="s">
        <v>3633</v>
      </c>
      <c r="VIV1" s="216" t="s">
        <v>3633</v>
      </c>
      <c r="VIW1" s="216" t="s">
        <v>3633</v>
      </c>
      <c r="VIX1" s="216" t="s">
        <v>3633</v>
      </c>
      <c r="VIY1" s="216" t="s">
        <v>3633</v>
      </c>
      <c r="VIZ1" s="216" t="s">
        <v>3633</v>
      </c>
      <c r="VJA1" s="216" t="s">
        <v>3633</v>
      </c>
      <c r="VJB1" s="216" t="s">
        <v>3633</v>
      </c>
      <c r="VJC1" s="216" t="s">
        <v>3633</v>
      </c>
      <c r="VJD1" s="216" t="s">
        <v>3633</v>
      </c>
      <c r="VJE1" s="216" t="s">
        <v>3633</v>
      </c>
      <c r="VJF1" s="216" t="s">
        <v>3633</v>
      </c>
      <c r="VJG1" s="216" t="s">
        <v>3633</v>
      </c>
      <c r="VJH1" s="216" t="s">
        <v>3633</v>
      </c>
      <c r="VJI1" s="216" t="s">
        <v>3633</v>
      </c>
      <c r="VJJ1" s="216" t="s">
        <v>3633</v>
      </c>
      <c r="VJK1" s="216" t="s">
        <v>3633</v>
      </c>
      <c r="VJL1" s="216" t="s">
        <v>3633</v>
      </c>
      <c r="VJM1" s="216" t="s">
        <v>3633</v>
      </c>
      <c r="VJN1" s="216" t="s">
        <v>3633</v>
      </c>
      <c r="VJO1" s="216" t="s">
        <v>3633</v>
      </c>
      <c r="VJP1" s="216" t="s">
        <v>3633</v>
      </c>
      <c r="VJQ1" s="216" t="s">
        <v>3633</v>
      </c>
      <c r="VJR1" s="216" t="s">
        <v>3633</v>
      </c>
      <c r="VJS1" s="216" t="s">
        <v>3633</v>
      </c>
      <c r="VJT1" s="216" t="s">
        <v>3633</v>
      </c>
      <c r="VJU1" s="216" t="s">
        <v>3633</v>
      </c>
      <c r="VJV1" s="216" t="s">
        <v>3633</v>
      </c>
      <c r="VJW1" s="216" t="s">
        <v>3633</v>
      </c>
      <c r="VJX1" s="216" t="s">
        <v>3633</v>
      </c>
      <c r="VJY1" s="216" t="s">
        <v>3633</v>
      </c>
      <c r="VJZ1" s="216" t="s">
        <v>3633</v>
      </c>
      <c r="VKA1" s="216" t="s">
        <v>3633</v>
      </c>
      <c r="VKB1" s="216" t="s">
        <v>3633</v>
      </c>
      <c r="VKC1" s="216" t="s">
        <v>3633</v>
      </c>
      <c r="VKD1" s="216" t="s">
        <v>3633</v>
      </c>
      <c r="VKE1" s="216" t="s">
        <v>3633</v>
      </c>
      <c r="VKF1" s="216" t="s">
        <v>3633</v>
      </c>
      <c r="VKG1" s="216" t="s">
        <v>3633</v>
      </c>
      <c r="VKH1" s="216" t="s">
        <v>3633</v>
      </c>
      <c r="VKI1" s="216" t="s">
        <v>3633</v>
      </c>
      <c r="VKJ1" s="216" t="s">
        <v>3633</v>
      </c>
      <c r="VKK1" s="216" t="s">
        <v>3633</v>
      </c>
      <c r="VKL1" s="216" t="s">
        <v>3633</v>
      </c>
      <c r="VKM1" s="216" t="s">
        <v>3633</v>
      </c>
      <c r="VKN1" s="216" t="s">
        <v>3633</v>
      </c>
      <c r="VKO1" s="216" t="s">
        <v>3633</v>
      </c>
      <c r="VKP1" s="216" t="s">
        <v>3633</v>
      </c>
      <c r="VKQ1" s="216" t="s">
        <v>3633</v>
      </c>
      <c r="VKR1" s="216" t="s">
        <v>3633</v>
      </c>
      <c r="VKS1" s="216" t="s">
        <v>3633</v>
      </c>
      <c r="VKT1" s="216" t="s">
        <v>3633</v>
      </c>
      <c r="VKU1" s="216" t="s">
        <v>3633</v>
      </c>
      <c r="VKV1" s="216" t="s">
        <v>3633</v>
      </c>
      <c r="VKW1" s="216" t="s">
        <v>3633</v>
      </c>
      <c r="VKX1" s="216" t="s">
        <v>3633</v>
      </c>
      <c r="VKY1" s="216" t="s">
        <v>3633</v>
      </c>
      <c r="VKZ1" s="216" t="s">
        <v>3633</v>
      </c>
      <c r="VLA1" s="216" t="s">
        <v>3633</v>
      </c>
      <c r="VLB1" s="216" t="s">
        <v>3633</v>
      </c>
      <c r="VLC1" s="216" t="s">
        <v>3633</v>
      </c>
      <c r="VLD1" s="216" t="s">
        <v>3633</v>
      </c>
      <c r="VLE1" s="216" t="s">
        <v>3633</v>
      </c>
      <c r="VLF1" s="216" t="s">
        <v>3633</v>
      </c>
      <c r="VLG1" s="216" t="s">
        <v>3633</v>
      </c>
      <c r="VLH1" s="216" t="s">
        <v>3633</v>
      </c>
      <c r="VLI1" s="216" t="s">
        <v>3633</v>
      </c>
      <c r="VLJ1" s="216" t="s">
        <v>3633</v>
      </c>
      <c r="VLK1" s="216" t="s">
        <v>3633</v>
      </c>
      <c r="VLL1" s="216" t="s">
        <v>3633</v>
      </c>
      <c r="VLM1" s="216" t="s">
        <v>3633</v>
      </c>
      <c r="VLN1" s="216" t="s">
        <v>3633</v>
      </c>
      <c r="VLO1" s="216" t="s">
        <v>3633</v>
      </c>
      <c r="VLP1" s="216" t="s">
        <v>3633</v>
      </c>
      <c r="VLQ1" s="216" t="s">
        <v>3633</v>
      </c>
      <c r="VLR1" s="216" t="s">
        <v>3633</v>
      </c>
      <c r="VLS1" s="216" t="s">
        <v>3633</v>
      </c>
      <c r="VLT1" s="216" t="s">
        <v>3633</v>
      </c>
      <c r="VLU1" s="216" t="s">
        <v>3633</v>
      </c>
      <c r="VLV1" s="216" t="s">
        <v>3633</v>
      </c>
      <c r="VLW1" s="216" t="s">
        <v>3633</v>
      </c>
      <c r="VLX1" s="216" t="s">
        <v>3633</v>
      </c>
      <c r="VLY1" s="216" t="s">
        <v>3633</v>
      </c>
      <c r="VLZ1" s="216" t="s">
        <v>3633</v>
      </c>
      <c r="VMA1" s="216" t="s">
        <v>3633</v>
      </c>
      <c r="VMB1" s="216" t="s">
        <v>3633</v>
      </c>
      <c r="VMC1" s="216" t="s">
        <v>3633</v>
      </c>
      <c r="VMD1" s="216" t="s">
        <v>3633</v>
      </c>
      <c r="VME1" s="216" t="s">
        <v>3633</v>
      </c>
      <c r="VMF1" s="216" t="s">
        <v>3633</v>
      </c>
      <c r="VMG1" s="216" t="s">
        <v>3633</v>
      </c>
      <c r="VMH1" s="216" t="s">
        <v>3633</v>
      </c>
      <c r="VMI1" s="216" t="s">
        <v>3633</v>
      </c>
      <c r="VMJ1" s="216" t="s">
        <v>3633</v>
      </c>
      <c r="VMK1" s="216" t="s">
        <v>3633</v>
      </c>
      <c r="VML1" s="216" t="s">
        <v>3633</v>
      </c>
      <c r="VMM1" s="216" t="s">
        <v>3633</v>
      </c>
      <c r="VMN1" s="216" t="s">
        <v>3633</v>
      </c>
      <c r="VMO1" s="216" t="s">
        <v>3633</v>
      </c>
      <c r="VMP1" s="216" t="s">
        <v>3633</v>
      </c>
      <c r="VMQ1" s="216" t="s">
        <v>3633</v>
      </c>
      <c r="VMR1" s="216" t="s">
        <v>3633</v>
      </c>
      <c r="VMS1" s="216" t="s">
        <v>3633</v>
      </c>
      <c r="VMT1" s="216" t="s">
        <v>3633</v>
      </c>
      <c r="VMU1" s="216" t="s">
        <v>3633</v>
      </c>
      <c r="VMV1" s="216" t="s">
        <v>3633</v>
      </c>
      <c r="VMW1" s="216" t="s">
        <v>3633</v>
      </c>
      <c r="VMX1" s="216" t="s">
        <v>3633</v>
      </c>
      <c r="VMY1" s="216" t="s">
        <v>3633</v>
      </c>
      <c r="VMZ1" s="216" t="s">
        <v>3633</v>
      </c>
      <c r="VNA1" s="216" t="s">
        <v>3633</v>
      </c>
      <c r="VNB1" s="216" t="s">
        <v>3633</v>
      </c>
      <c r="VNC1" s="216" t="s">
        <v>3633</v>
      </c>
      <c r="VND1" s="216" t="s">
        <v>3633</v>
      </c>
      <c r="VNE1" s="216" t="s">
        <v>3633</v>
      </c>
      <c r="VNF1" s="216" t="s">
        <v>3633</v>
      </c>
      <c r="VNG1" s="216" t="s">
        <v>3633</v>
      </c>
      <c r="VNH1" s="216" t="s">
        <v>3633</v>
      </c>
      <c r="VNI1" s="216" t="s">
        <v>3633</v>
      </c>
      <c r="VNJ1" s="216" t="s">
        <v>3633</v>
      </c>
      <c r="VNK1" s="216" t="s">
        <v>3633</v>
      </c>
      <c r="VNL1" s="216" t="s">
        <v>3633</v>
      </c>
      <c r="VNM1" s="216" t="s">
        <v>3633</v>
      </c>
      <c r="VNN1" s="216" t="s">
        <v>3633</v>
      </c>
      <c r="VNO1" s="216" t="s">
        <v>3633</v>
      </c>
      <c r="VNP1" s="216" t="s">
        <v>3633</v>
      </c>
      <c r="VNQ1" s="216" t="s">
        <v>3633</v>
      </c>
      <c r="VNR1" s="216" t="s">
        <v>3633</v>
      </c>
      <c r="VNS1" s="216" t="s">
        <v>3633</v>
      </c>
      <c r="VNT1" s="216" t="s">
        <v>3633</v>
      </c>
      <c r="VNU1" s="216" t="s">
        <v>3633</v>
      </c>
      <c r="VNV1" s="216" t="s">
        <v>3633</v>
      </c>
      <c r="VNW1" s="216" t="s">
        <v>3633</v>
      </c>
      <c r="VNX1" s="216" t="s">
        <v>3633</v>
      </c>
      <c r="VNY1" s="216" t="s">
        <v>3633</v>
      </c>
      <c r="VNZ1" s="216" t="s">
        <v>3633</v>
      </c>
      <c r="VOA1" s="216" t="s">
        <v>3633</v>
      </c>
      <c r="VOB1" s="216" t="s">
        <v>3633</v>
      </c>
      <c r="VOC1" s="216" t="s">
        <v>3633</v>
      </c>
      <c r="VOD1" s="216" t="s">
        <v>3633</v>
      </c>
      <c r="VOE1" s="216" t="s">
        <v>3633</v>
      </c>
      <c r="VOF1" s="216" t="s">
        <v>3633</v>
      </c>
      <c r="VOG1" s="216" t="s">
        <v>3633</v>
      </c>
      <c r="VOH1" s="216" t="s">
        <v>3633</v>
      </c>
      <c r="VOI1" s="216" t="s">
        <v>3633</v>
      </c>
      <c r="VOJ1" s="216" t="s">
        <v>3633</v>
      </c>
      <c r="VOK1" s="216" t="s">
        <v>3633</v>
      </c>
      <c r="VOL1" s="216" t="s">
        <v>3633</v>
      </c>
      <c r="VOM1" s="216" t="s">
        <v>3633</v>
      </c>
      <c r="VON1" s="216" t="s">
        <v>3633</v>
      </c>
      <c r="VOO1" s="216" t="s">
        <v>3633</v>
      </c>
      <c r="VOP1" s="216" t="s">
        <v>3633</v>
      </c>
      <c r="VOQ1" s="216" t="s">
        <v>3633</v>
      </c>
      <c r="VOR1" s="216" t="s">
        <v>3633</v>
      </c>
      <c r="VOS1" s="216" t="s">
        <v>3633</v>
      </c>
      <c r="VOT1" s="216" t="s">
        <v>3633</v>
      </c>
      <c r="VOU1" s="216" t="s">
        <v>3633</v>
      </c>
      <c r="VOV1" s="216" t="s">
        <v>3633</v>
      </c>
      <c r="VOW1" s="216" t="s">
        <v>3633</v>
      </c>
      <c r="VOX1" s="216" t="s">
        <v>3633</v>
      </c>
      <c r="VOY1" s="216" t="s">
        <v>3633</v>
      </c>
      <c r="VOZ1" s="216" t="s">
        <v>3633</v>
      </c>
      <c r="VPA1" s="216" t="s">
        <v>3633</v>
      </c>
      <c r="VPB1" s="216" t="s">
        <v>3633</v>
      </c>
      <c r="VPC1" s="216" t="s">
        <v>3633</v>
      </c>
      <c r="VPD1" s="216" t="s">
        <v>3633</v>
      </c>
      <c r="VPE1" s="216" t="s">
        <v>3633</v>
      </c>
      <c r="VPF1" s="216" t="s">
        <v>3633</v>
      </c>
      <c r="VPG1" s="216" t="s">
        <v>3633</v>
      </c>
      <c r="VPH1" s="216" t="s">
        <v>3633</v>
      </c>
      <c r="VPI1" s="216" t="s">
        <v>3633</v>
      </c>
      <c r="VPJ1" s="216" t="s">
        <v>3633</v>
      </c>
      <c r="VPK1" s="216" t="s">
        <v>3633</v>
      </c>
      <c r="VPL1" s="216" t="s">
        <v>3633</v>
      </c>
      <c r="VPM1" s="216" t="s">
        <v>3633</v>
      </c>
      <c r="VPN1" s="216" t="s">
        <v>3633</v>
      </c>
      <c r="VPO1" s="216" t="s">
        <v>3633</v>
      </c>
      <c r="VPP1" s="216" t="s">
        <v>3633</v>
      </c>
      <c r="VPQ1" s="216" t="s">
        <v>3633</v>
      </c>
      <c r="VPR1" s="216" t="s">
        <v>3633</v>
      </c>
      <c r="VPS1" s="216" t="s">
        <v>3633</v>
      </c>
      <c r="VPT1" s="216" t="s">
        <v>3633</v>
      </c>
      <c r="VPU1" s="216" t="s">
        <v>3633</v>
      </c>
      <c r="VPV1" s="216" t="s">
        <v>3633</v>
      </c>
      <c r="VPW1" s="216" t="s">
        <v>3633</v>
      </c>
      <c r="VPX1" s="216" t="s">
        <v>3633</v>
      </c>
      <c r="VPY1" s="216" t="s">
        <v>3633</v>
      </c>
      <c r="VPZ1" s="216" t="s">
        <v>3633</v>
      </c>
      <c r="VQA1" s="216" t="s">
        <v>3633</v>
      </c>
      <c r="VQB1" s="216" t="s">
        <v>3633</v>
      </c>
      <c r="VQC1" s="216" t="s">
        <v>3633</v>
      </c>
      <c r="VQD1" s="216" t="s">
        <v>3633</v>
      </c>
      <c r="VQE1" s="216" t="s">
        <v>3633</v>
      </c>
      <c r="VQF1" s="216" t="s">
        <v>3633</v>
      </c>
      <c r="VQG1" s="216" t="s">
        <v>3633</v>
      </c>
      <c r="VQH1" s="216" t="s">
        <v>3633</v>
      </c>
      <c r="VQI1" s="216" t="s">
        <v>3633</v>
      </c>
      <c r="VQJ1" s="216" t="s">
        <v>3633</v>
      </c>
      <c r="VQK1" s="216" t="s">
        <v>3633</v>
      </c>
      <c r="VQL1" s="216" t="s">
        <v>3633</v>
      </c>
      <c r="VQM1" s="216" t="s">
        <v>3633</v>
      </c>
      <c r="VQN1" s="216" t="s">
        <v>3633</v>
      </c>
      <c r="VQO1" s="216" t="s">
        <v>3633</v>
      </c>
      <c r="VQP1" s="216" t="s">
        <v>3633</v>
      </c>
      <c r="VQQ1" s="216" t="s">
        <v>3633</v>
      </c>
      <c r="VQR1" s="216" t="s">
        <v>3633</v>
      </c>
      <c r="VQS1" s="216" t="s">
        <v>3633</v>
      </c>
      <c r="VQT1" s="216" t="s">
        <v>3633</v>
      </c>
      <c r="VQU1" s="216" t="s">
        <v>3633</v>
      </c>
      <c r="VQV1" s="216" t="s">
        <v>3633</v>
      </c>
      <c r="VQW1" s="216" t="s">
        <v>3633</v>
      </c>
      <c r="VQX1" s="216" t="s">
        <v>3633</v>
      </c>
      <c r="VQY1" s="216" t="s">
        <v>3633</v>
      </c>
      <c r="VQZ1" s="216" t="s">
        <v>3633</v>
      </c>
      <c r="VRA1" s="216" t="s">
        <v>3633</v>
      </c>
      <c r="VRB1" s="216" t="s">
        <v>3633</v>
      </c>
      <c r="VRC1" s="216" t="s">
        <v>3633</v>
      </c>
      <c r="VRD1" s="216" t="s">
        <v>3633</v>
      </c>
      <c r="VRE1" s="216" t="s">
        <v>3633</v>
      </c>
      <c r="VRF1" s="216" t="s">
        <v>3633</v>
      </c>
      <c r="VRG1" s="216" t="s">
        <v>3633</v>
      </c>
      <c r="VRH1" s="216" t="s">
        <v>3633</v>
      </c>
      <c r="VRI1" s="216" t="s">
        <v>3633</v>
      </c>
      <c r="VRJ1" s="216" t="s">
        <v>3633</v>
      </c>
      <c r="VRK1" s="216" t="s">
        <v>3633</v>
      </c>
      <c r="VRL1" s="216" t="s">
        <v>3633</v>
      </c>
      <c r="VRM1" s="216" t="s">
        <v>3633</v>
      </c>
      <c r="VRN1" s="216" t="s">
        <v>3633</v>
      </c>
      <c r="VRO1" s="216" t="s">
        <v>3633</v>
      </c>
      <c r="VRP1" s="216" t="s">
        <v>3633</v>
      </c>
      <c r="VRQ1" s="216" t="s">
        <v>3633</v>
      </c>
      <c r="VRR1" s="216" t="s">
        <v>3633</v>
      </c>
      <c r="VRS1" s="216" t="s">
        <v>3633</v>
      </c>
      <c r="VRT1" s="216" t="s">
        <v>3633</v>
      </c>
      <c r="VRU1" s="216" t="s">
        <v>3633</v>
      </c>
      <c r="VRV1" s="216" t="s">
        <v>3633</v>
      </c>
      <c r="VRW1" s="216" t="s">
        <v>3633</v>
      </c>
      <c r="VRX1" s="216" t="s">
        <v>3633</v>
      </c>
      <c r="VRY1" s="216" t="s">
        <v>3633</v>
      </c>
      <c r="VRZ1" s="216" t="s">
        <v>3633</v>
      </c>
      <c r="VSA1" s="216" t="s">
        <v>3633</v>
      </c>
      <c r="VSB1" s="216" t="s">
        <v>3633</v>
      </c>
      <c r="VSC1" s="216" t="s">
        <v>3633</v>
      </c>
      <c r="VSD1" s="216" t="s">
        <v>3633</v>
      </c>
      <c r="VSE1" s="216" t="s">
        <v>3633</v>
      </c>
      <c r="VSF1" s="216" t="s">
        <v>3633</v>
      </c>
      <c r="VSG1" s="216" t="s">
        <v>3633</v>
      </c>
      <c r="VSH1" s="216" t="s">
        <v>3633</v>
      </c>
      <c r="VSI1" s="216" t="s">
        <v>3633</v>
      </c>
      <c r="VSJ1" s="216" t="s">
        <v>3633</v>
      </c>
      <c r="VSK1" s="216" t="s">
        <v>3633</v>
      </c>
      <c r="VSL1" s="216" t="s">
        <v>3633</v>
      </c>
      <c r="VSM1" s="216" t="s">
        <v>3633</v>
      </c>
      <c r="VSN1" s="216" t="s">
        <v>3633</v>
      </c>
      <c r="VSO1" s="216" t="s">
        <v>3633</v>
      </c>
      <c r="VSP1" s="216" t="s">
        <v>3633</v>
      </c>
      <c r="VSQ1" s="216" t="s">
        <v>3633</v>
      </c>
      <c r="VSR1" s="216" t="s">
        <v>3633</v>
      </c>
      <c r="VSS1" s="216" t="s">
        <v>3633</v>
      </c>
      <c r="VST1" s="216" t="s">
        <v>3633</v>
      </c>
      <c r="VSU1" s="216" t="s">
        <v>3633</v>
      </c>
      <c r="VSV1" s="216" t="s">
        <v>3633</v>
      </c>
      <c r="VSW1" s="216" t="s">
        <v>3633</v>
      </c>
      <c r="VSX1" s="216" t="s">
        <v>3633</v>
      </c>
      <c r="VSY1" s="216" t="s">
        <v>3633</v>
      </c>
      <c r="VSZ1" s="216" t="s">
        <v>3633</v>
      </c>
      <c r="VTA1" s="216" t="s">
        <v>3633</v>
      </c>
      <c r="VTB1" s="216" t="s">
        <v>3633</v>
      </c>
      <c r="VTC1" s="216" t="s">
        <v>3633</v>
      </c>
      <c r="VTD1" s="216" t="s">
        <v>3633</v>
      </c>
      <c r="VTE1" s="216" t="s">
        <v>3633</v>
      </c>
      <c r="VTF1" s="216" t="s">
        <v>3633</v>
      </c>
      <c r="VTG1" s="216" t="s">
        <v>3633</v>
      </c>
      <c r="VTH1" s="216" t="s">
        <v>3633</v>
      </c>
      <c r="VTI1" s="216" t="s">
        <v>3633</v>
      </c>
      <c r="VTJ1" s="216" t="s">
        <v>3633</v>
      </c>
      <c r="VTK1" s="216" t="s">
        <v>3633</v>
      </c>
      <c r="VTL1" s="216" t="s">
        <v>3633</v>
      </c>
      <c r="VTM1" s="216" t="s">
        <v>3633</v>
      </c>
      <c r="VTN1" s="216" t="s">
        <v>3633</v>
      </c>
      <c r="VTO1" s="216" t="s">
        <v>3633</v>
      </c>
      <c r="VTP1" s="216" t="s">
        <v>3633</v>
      </c>
      <c r="VTQ1" s="216" t="s">
        <v>3633</v>
      </c>
      <c r="VTR1" s="216" t="s">
        <v>3633</v>
      </c>
      <c r="VTS1" s="216" t="s">
        <v>3633</v>
      </c>
      <c r="VTT1" s="216" t="s">
        <v>3633</v>
      </c>
      <c r="VTU1" s="216" t="s">
        <v>3633</v>
      </c>
      <c r="VTV1" s="216" t="s">
        <v>3633</v>
      </c>
      <c r="VTW1" s="216" t="s">
        <v>3633</v>
      </c>
      <c r="VTX1" s="216" t="s">
        <v>3633</v>
      </c>
      <c r="VTY1" s="216" t="s">
        <v>3633</v>
      </c>
      <c r="VTZ1" s="216" t="s">
        <v>3633</v>
      </c>
      <c r="VUA1" s="216" t="s">
        <v>3633</v>
      </c>
      <c r="VUB1" s="216" t="s">
        <v>3633</v>
      </c>
      <c r="VUC1" s="216" t="s">
        <v>3633</v>
      </c>
      <c r="VUD1" s="216" t="s">
        <v>3633</v>
      </c>
      <c r="VUE1" s="216" t="s">
        <v>3633</v>
      </c>
      <c r="VUF1" s="216" t="s">
        <v>3633</v>
      </c>
      <c r="VUG1" s="216" t="s">
        <v>3633</v>
      </c>
      <c r="VUH1" s="216" t="s">
        <v>3633</v>
      </c>
      <c r="VUI1" s="216" t="s">
        <v>3633</v>
      </c>
      <c r="VUJ1" s="216" t="s">
        <v>3633</v>
      </c>
      <c r="VUK1" s="216" t="s">
        <v>3633</v>
      </c>
      <c r="VUL1" s="216" t="s">
        <v>3633</v>
      </c>
      <c r="VUM1" s="216" t="s">
        <v>3633</v>
      </c>
      <c r="VUN1" s="216" t="s">
        <v>3633</v>
      </c>
      <c r="VUO1" s="216" t="s">
        <v>3633</v>
      </c>
      <c r="VUP1" s="216" t="s">
        <v>3633</v>
      </c>
      <c r="VUQ1" s="216" t="s">
        <v>3633</v>
      </c>
      <c r="VUR1" s="216" t="s">
        <v>3633</v>
      </c>
      <c r="VUS1" s="216" t="s">
        <v>3633</v>
      </c>
      <c r="VUT1" s="216" t="s">
        <v>3633</v>
      </c>
      <c r="VUU1" s="216" t="s">
        <v>3633</v>
      </c>
      <c r="VUV1" s="216" t="s">
        <v>3633</v>
      </c>
      <c r="VUW1" s="216" t="s">
        <v>3633</v>
      </c>
      <c r="VUX1" s="216" t="s">
        <v>3633</v>
      </c>
      <c r="VUY1" s="216" t="s">
        <v>3633</v>
      </c>
      <c r="VUZ1" s="216" t="s">
        <v>3633</v>
      </c>
      <c r="VVA1" s="216" t="s">
        <v>3633</v>
      </c>
      <c r="VVB1" s="216" t="s">
        <v>3633</v>
      </c>
      <c r="VVC1" s="216" t="s">
        <v>3633</v>
      </c>
      <c r="VVD1" s="216" t="s">
        <v>3633</v>
      </c>
      <c r="VVE1" s="216" t="s">
        <v>3633</v>
      </c>
      <c r="VVF1" s="216" t="s">
        <v>3633</v>
      </c>
      <c r="VVG1" s="216" t="s">
        <v>3633</v>
      </c>
      <c r="VVH1" s="216" t="s">
        <v>3633</v>
      </c>
      <c r="VVI1" s="216" t="s">
        <v>3633</v>
      </c>
      <c r="VVJ1" s="216" t="s">
        <v>3633</v>
      </c>
      <c r="VVK1" s="216" t="s">
        <v>3633</v>
      </c>
      <c r="VVL1" s="216" t="s">
        <v>3633</v>
      </c>
      <c r="VVM1" s="216" t="s">
        <v>3633</v>
      </c>
      <c r="VVN1" s="216" t="s">
        <v>3633</v>
      </c>
      <c r="VVO1" s="216" t="s">
        <v>3633</v>
      </c>
      <c r="VVP1" s="216" t="s">
        <v>3633</v>
      </c>
      <c r="VVQ1" s="216" t="s">
        <v>3633</v>
      </c>
      <c r="VVR1" s="216" t="s">
        <v>3633</v>
      </c>
      <c r="VVS1" s="216" t="s">
        <v>3633</v>
      </c>
      <c r="VVT1" s="216" t="s">
        <v>3633</v>
      </c>
      <c r="VVU1" s="216" t="s">
        <v>3633</v>
      </c>
      <c r="VVV1" s="216" t="s">
        <v>3633</v>
      </c>
      <c r="VVW1" s="216" t="s">
        <v>3633</v>
      </c>
      <c r="VVX1" s="216" t="s">
        <v>3633</v>
      </c>
      <c r="VVY1" s="216" t="s">
        <v>3633</v>
      </c>
      <c r="VVZ1" s="216" t="s">
        <v>3633</v>
      </c>
      <c r="VWA1" s="216" t="s">
        <v>3633</v>
      </c>
      <c r="VWB1" s="216" t="s">
        <v>3633</v>
      </c>
      <c r="VWC1" s="216" t="s">
        <v>3633</v>
      </c>
      <c r="VWD1" s="216" t="s">
        <v>3633</v>
      </c>
      <c r="VWE1" s="216" t="s">
        <v>3633</v>
      </c>
      <c r="VWF1" s="216" t="s">
        <v>3633</v>
      </c>
      <c r="VWG1" s="216" t="s">
        <v>3633</v>
      </c>
      <c r="VWH1" s="216" t="s">
        <v>3633</v>
      </c>
      <c r="VWI1" s="216" t="s">
        <v>3633</v>
      </c>
      <c r="VWJ1" s="216" t="s">
        <v>3633</v>
      </c>
      <c r="VWK1" s="216" t="s">
        <v>3633</v>
      </c>
      <c r="VWL1" s="216" t="s">
        <v>3633</v>
      </c>
      <c r="VWM1" s="216" t="s">
        <v>3633</v>
      </c>
      <c r="VWN1" s="216" t="s">
        <v>3633</v>
      </c>
      <c r="VWO1" s="216" t="s">
        <v>3633</v>
      </c>
      <c r="VWP1" s="216" t="s">
        <v>3633</v>
      </c>
      <c r="VWQ1" s="216" t="s">
        <v>3633</v>
      </c>
      <c r="VWR1" s="216" t="s">
        <v>3633</v>
      </c>
      <c r="VWS1" s="216" t="s">
        <v>3633</v>
      </c>
      <c r="VWT1" s="216" t="s">
        <v>3633</v>
      </c>
      <c r="VWU1" s="216" t="s">
        <v>3633</v>
      </c>
      <c r="VWV1" s="216" t="s">
        <v>3633</v>
      </c>
      <c r="VWW1" s="216" t="s">
        <v>3633</v>
      </c>
      <c r="VWX1" s="216" t="s">
        <v>3633</v>
      </c>
      <c r="VWY1" s="216" t="s">
        <v>3633</v>
      </c>
      <c r="VWZ1" s="216" t="s">
        <v>3633</v>
      </c>
      <c r="VXA1" s="216" t="s">
        <v>3633</v>
      </c>
      <c r="VXB1" s="216" t="s">
        <v>3633</v>
      </c>
      <c r="VXC1" s="216" t="s">
        <v>3633</v>
      </c>
      <c r="VXD1" s="216" t="s">
        <v>3633</v>
      </c>
      <c r="VXE1" s="216" t="s">
        <v>3633</v>
      </c>
      <c r="VXF1" s="216" t="s">
        <v>3633</v>
      </c>
      <c r="VXG1" s="216" t="s">
        <v>3633</v>
      </c>
      <c r="VXH1" s="216" t="s">
        <v>3633</v>
      </c>
      <c r="VXI1" s="216" t="s">
        <v>3633</v>
      </c>
      <c r="VXJ1" s="216" t="s">
        <v>3633</v>
      </c>
      <c r="VXK1" s="216" t="s">
        <v>3633</v>
      </c>
      <c r="VXL1" s="216" t="s">
        <v>3633</v>
      </c>
      <c r="VXM1" s="216" t="s">
        <v>3633</v>
      </c>
      <c r="VXN1" s="216" t="s">
        <v>3633</v>
      </c>
      <c r="VXO1" s="216" t="s">
        <v>3633</v>
      </c>
      <c r="VXP1" s="216" t="s">
        <v>3633</v>
      </c>
      <c r="VXQ1" s="216" t="s">
        <v>3633</v>
      </c>
      <c r="VXR1" s="216" t="s">
        <v>3633</v>
      </c>
      <c r="VXS1" s="216" t="s">
        <v>3633</v>
      </c>
      <c r="VXT1" s="216" t="s">
        <v>3633</v>
      </c>
      <c r="VXU1" s="216" t="s">
        <v>3633</v>
      </c>
      <c r="VXV1" s="216" t="s">
        <v>3633</v>
      </c>
      <c r="VXW1" s="216" t="s">
        <v>3633</v>
      </c>
      <c r="VXX1" s="216" t="s">
        <v>3633</v>
      </c>
      <c r="VXY1" s="216" t="s">
        <v>3633</v>
      </c>
      <c r="VXZ1" s="216" t="s">
        <v>3633</v>
      </c>
      <c r="VYA1" s="216" t="s">
        <v>3633</v>
      </c>
      <c r="VYB1" s="216" t="s">
        <v>3633</v>
      </c>
      <c r="VYC1" s="216" t="s">
        <v>3633</v>
      </c>
      <c r="VYD1" s="216" t="s">
        <v>3633</v>
      </c>
      <c r="VYE1" s="216" t="s">
        <v>3633</v>
      </c>
      <c r="VYF1" s="216" t="s">
        <v>3633</v>
      </c>
      <c r="VYG1" s="216" t="s">
        <v>3633</v>
      </c>
      <c r="VYH1" s="216" t="s">
        <v>3633</v>
      </c>
      <c r="VYI1" s="216" t="s">
        <v>3633</v>
      </c>
      <c r="VYJ1" s="216" t="s">
        <v>3633</v>
      </c>
      <c r="VYK1" s="216" t="s">
        <v>3633</v>
      </c>
      <c r="VYL1" s="216" t="s">
        <v>3633</v>
      </c>
      <c r="VYM1" s="216" t="s">
        <v>3633</v>
      </c>
      <c r="VYN1" s="216" t="s">
        <v>3633</v>
      </c>
      <c r="VYO1" s="216" t="s">
        <v>3633</v>
      </c>
      <c r="VYP1" s="216" t="s">
        <v>3633</v>
      </c>
      <c r="VYQ1" s="216" t="s">
        <v>3633</v>
      </c>
      <c r="VYR1" s="216" t="s">
        <v>3633</v>
      </c>
      <c r="VYS1" s="216" t="s">
        <v>3633</v>
      </c>
      <c r="VYT1" s="216" t="s">
        <v>3633</v>
      </c>
      <c r="VYU1" s="216" t="s">
        <v>3633</v>
      </c>
      <c r="VYV1" s="216" t="s">
        <v>3633</v>
      </c>
      <c r="VYW1" s="216" t="s">
        <v>3633</v>
      </c>
      <c r="VYX1" s="216" t="s">
        <v>3633</v>
      </c>
      <c r="VYY1" s="216" t="s">
        <v>3633</v>
      </c>
      <c r="VYZ1" s="216" t="s">
        <v>3633</v>
      </c>
      <c r="VZA1" s="216" t="s">
        <v>3633</v>
      </c>
      <c r="VZB1" s="216" t="s">
        <v>3633</v>
      </c>
      <c r="VZC1" s="216" t="s">
        <v>3633</v>
      </c>
      <c r="VZD1" s="216" t="s">
        <v>3633</v>
      </c>
      <c r="VZE1" s="216" t="s">
        <v>3633</v>
      </c>
      <c r="VZF1" s="216" t="s">
        <v>3633</v>
      </c>
      <c r="VZG1" s="216" t="s">
        <v>3633</v>
      </c>
      <c r="VZH1" s="216" t="s">
        <v>3633</v>
      </c>
      <c r="VZI1" s="216" t="s">
        <v>3633</v>
      </c>
      <c r="VZJ1" s="216" t="s">
        <v>3633</v>
      </c>
      <c r="VZK1" s="216" t="s">
        <v>3633</v>
      </c>
      <c r="VZL1" s="216" t="s">
        <v>3633</v>
      </c>
      <c r="VZM1" s="216" t="s">
        <v>3633</v>
      </c>
      <c r="VZN1" s="216" t="s">
        <v>3633</v>
      </c>
      <c r="VZO1" s="216" t="s">
        <v>3633</v>
      </c>
      <c r="VZP1" s="216" t="s">
        <v>3633</v>
      </c>
      <c r="VZQ1" s="216" t="s">
        <v>3633</v>
      </c>
      <c r="VZR1" s="216" t="s">
        <v>3633</v>
      </c>
      <c r="VZS1" s="216" t="s">
        <v>3633</v>
      </c>
      <c r="VZT1" s="216" t="s">
        <v>3633</v>
      </c>
      <c r="VZU1" s="216" t="s">
        <v>3633</v>
      </c>
      <c r="VZV1" s="216" t="s">
        <v>3633</v>
      </c>
      <c r="VZW1" s="216" t="s">
        <v>3633</v>
      </c>
      <c r="VZX1" s="216" t="s">
        <v>3633</v>
      </c>
      <c r="VZY1" s="216" t="s">
        <v>3633</v>
      </c>
      <c r="VZZ1" s="216" t="s">
        <v>3633</v>
      </c>
      <c r="WAA1" s="216" t="s">
        <v>3633</v>
      </c>
      <c r="WAB1" s="216" t="s">
        <v>3633</v>
      </c>
      <c r="WAC1" s="216" t="s">
        <v>3633</v>
      </c>
      <c r="WAD1" s="216" t="s">
        <v>3633</v>
      </c>
      <c r="WAE1" s="216" t="s">
        <v>3633</v>
      </c>
      <c r="WAF1" s="216" t="s">
        <v>3633</v>
      </c>
      <c r="WAG1" s="216" t="s">
        <v>3633</v>
      </c>
      <c r="WAH1" s="216" t="s">
        <v>3633</v>
      </c>
      <c r="WAI1" s="216" t="s">
        <v>3633</v>
      </c>
      <c r="WAJ1" s="216" t="s">
        <v>3633</v>
      </c>
      <c r="WAK1" s="216" t="s">
        <v>3633</v>
      </c>
      <c r="WAL1" s="216" t="s">
        <v>3633</v>
      </c>
      <c r="WAM1" s="216" t="s">
        <v>3633</v>
      </c>
      <c r="WAN1" s="216" t="s">
        <v>3633</v>
      </c>
      <c r="WAO1" s="216" t="s">
        <v>3633</v>
      </c>
      <c r="WAP1" s="216" t="s">
        <v>3633</v>
      </c>
      <c r="WAQ1" s="216" t="s">
        <v>3633</v>
      </c>
      <c r="WAR1" s="216" t="s">
        <v>3633</v>
      </c>
      <c r="WAS1" s="216" t="s">
        <v>3633</v>
      </c>
      <c r="WAT1" s="216" t="s">
        <v>3633</v>
      </c>
      <c r="WAU1" s="216" t="s">
        <v>3633</v>
      </c>
      <c r="WAV1" s="216" t="s">
        <v>3633</v>
      </c>
      <c r="WAW1" s="216" t="s">
        <v>3633</v>
      </c>
      <c r="WAX1" s="216" t="s">
        <v>3633</v>
      </c>
      <c r="WAY1" s="216" t="s">
        <v>3633</v>
      </c>
      <c r="WAZ1" s="216" t="s">
        <v>3633</v>
      </c>
      <c r="WBA1" s="216" t="s">
        <v>3633</v>
      </c>
      <c r="WBB1" s="216" t="s">
        <v>3633</v>
      </c>
      <c r="WBC1" s="216" t="s">
        <v>3633</v>
      </c>
      <c r="WBD1" s="216" t="s">
        <v>3633</v>
      </c>
      <c r="WBE1" s="216" t="s">
        <v>3633</v>
      </c>
      <c r="WBF1" s="216" t="s">
        <v>3633</v>
      </c>
      <c r="WBG1" s="216" t="s">
        <v>3633</v>
      </c>
      <c r="WBH1" s="216" t="s">
        <v>3633</v>
      </c>
      <c r="WBI1" s="216" t="s">
        <v>3633</v>
      </c>
      <c r="WBJ1" s="216" t="s">
        <v>3633</v>
      </c>
      <c r="WBK1" s="216" t="s">
        <v>3633</v>
      </c>
      <c r="WBL1" s="216" t="s">
        <v>3633</v>
      </c>
      <c r="WBM1" s="216" t="s">
        <v>3633</v>
      </c>
      <c r="WBN1" s="216" t="s">
        <v>3633</v>
      </c>
      <c r="WBO1" s="216" t="s">
        <v>3633</v>
      </c>
      <c r="WBP1" s="216" t="s">
        <v>3633</v>
      </c>
      <c r="WBQ1" s="216" t="s">
        <v>3633</v>
      </c>
      <c r="WBR1" s="216" t="s">
        <v>3633</v>
      </c>
      <c r="WBS1" s="216" t="s">
        <v>3633</v>
      </c>
      <c r="WBT1" s="216" t="s">
        <v>3633</v>
      </c>
      <c r="WBU1" s="216" t="s">
        <v>3633</v>
      </c>
      <c r="WBV1" s="216" t="s">
        <v>3633</v>
      </c>
      <c r="WBW1" s="216" t="s">
        <v>3633</v>
      </c>
      <c r="WBX1" s="216" t="s">
        <v>3633</v>
      </c>
      <c r="WBY1" s="216" t="s">
        <v>3633</v>
      </c>
      <c r="WBZ1" s="216" t="s">
        <v>3633</v>
      </c>
      <c r="WCA1" s="216" t="s">
        <v>3633</v>
      </c>
      <c r="WCB1" s="216" t="s">
        <v>3633</v>
      </c>
      <c r="WCC1" s="216" t="s">
        <v>3633</v>
      </c>
      <c r="WCD1" s="216" t="s">
        <v>3633</v>
      </c>
      <c r="WCE1" s="216" t="s">
        <v>3633</v>
      </c>
      <c r="WCF1" s="216" t="s">
        <v>3633</v>
      </c>
      <c r="WCG1" s="216" t="s">
        <v>3633</v>
      </c>
      <c r="WCH1" s="216" t="s">
        <v>3633</v>
      </c>
      <c r="WCI1" s="216" t="s">
        <v>3633</v>
      </c>
      <c r="WCJ1" s="216" t="s">
        <v>3633</v>
      </c>
      <c r="WCK1" s="216" t="s">
        <v>3633</v>
      </c>
      <c r="WCL1" s="216" t="s">
        <v>3633</v>
      </c>
      <c r="WCM1" s="216" t="s">
        <v>3633</v>
      </c>
      <c r="WCN1" s="216" t="s">
        <v>3633</v>
      </c>
      <c r="WCO1" s="216" t="s">
        <v>3633</v>
      </c>
      <c r="WCP1" s="216" t="s">
        <v>3633</v>
      </c>
      <c r="WCQ1" s="216" t="s">
        <v>3633</v>
      </c>
      <c r="WCR1" s="216" t="s">
        <v>3633</v>
      </c>
      <c r="WCS1" s="216" t="s">
        <v>3633</v>
      </c>
      <c r="WCT1" s="216" t="s">
        <v>3633</v>
      </c>
      <c r="WCU1" s="216" t="s">
        <v>3633</v>
      </c>
      <c r="WCV1" s="216" t="s">
        <v>3633</v>
      </c>
      <c r="WCW1" s="216" t="s">
        <v>3633</v>
      </c>
      <c r="WCX1" s="216" t="s">
        <v>3633</v>
      </c>
      <c r="WCY1" s="216" t="s">
        <v>3633</v>
      </c>
      <c r="WCZ1" s="216" t="s">
        <v>3633</v>
      </c>
      <c r="WDA1" s="216" t="s">
        <v>3633</v>
      </c>
      <c r="WDB1" s="216" t="s">
        <v>3633</v>
      </c>
      <c r="WDC1" s="216" t="s">
        <v>3633</v>
      </c>
      <c r="WDD1" s="216" t="s">
        <v>3633</v>
      </c>
      <c r="WDE1" s="216" t="s">
        <v>3633</v>
      </c>
      <c r="WDF1" s="216" t="s">
        <v>3633</v>
      </c>
      <c r="WDG1" s="216" t="s">
        <v>3633</v>
      </c>
      <c r="WDH1" s="216" t="s">
        <v>3633</v>
      </c>
      <c r="WDI1" s="216" t="s">
        <v>3633</v>
      </c>
      <c r="WDJ1" s="216" t="s">
        <v>3633</v>
      </c>
      <c r="WDK1" s="216" t="s">
        <v>3633</v>
      </c>
      <c r="WDL1" s="216" t="s">
        <v>3633</v>
      </c>
      <c r="WDM1" s="216" t="s">
        <v>3633</v>
      </c>
      <c r="WDN1" s="216" t="s">
        <v>3633</v>
      </c>
      <c r="WDO1" s="216" t="s">
        <v>3633</v>
      </c>
      <c r="WDP1" s="216" t="s">
        <v>3633</v>
      </c>
      <c r="WDQ1" s="216" t="s">
        <v>3633</v>
      </c>
      <c r="WDR1" s="216" t="s">
        <v>3633</v>
      </c>
      <c r="WDS1" s="216" t="s">
        <v>3633</v>
      </c>
      <c r="WDT1" s="216" t="s">
        <v>3633</v>
      </c>
      <c r="WDU1" s="216" t="s">
        <v>3633</v>
      </c>
      <c r="WDV1" s="216" t="s">
        <v>3633</v>
      </c>
      <c r="WDW1" s="216" t="s">
        <v>3633</v>
      </c>
      <c r="WDX1" s="216" t="s">
        <v>3633</v>
      </c>
      <c r="WDY1" s="216" t="s">
        <v>3633</v>
      </c>
      <c r="WDZ1" s="216" t="s">
        <v>3633</v>
      </c>
      <c r="WEA1" s="216" t="s">
        <v>3633</v>
      </c>
      <c r="WEB1" s="216" t="s">
        <v>3633</v>
      </c>
      <c r="WEC1" s="216" t="s">
        <v>3633</v>
      </c>
      <c r="WED1" s="216" t="s">
        <v>3633</v>
      </c>
      <c r="WEE1" s="216" t="s">
        <v>3633</v>
      </c>
      <c r="WEF1" s="216" t="s">
        <v>3633</v>
      </c>
      <c r="WEG1" s="216" t="s">
        <v>3633</v>
      </c>
      <c r="WEH1" s="216" t="s">
        <v>3633</v>
      </c>
      <c r="WEI1" s="216" t="s">
        <v>3633</v>
      </c>
      <c r="WEJ1" s="216" t="s">
        <v>3633</v>
      </c>
      <c r="WEK1" s="216" t="s">
        <v>3633</v>
      </c>
      <c r="WEL1" s="216" t="s">
        <v>3633</v>
      </c>
      <c r="WEM1" s="216" t="s">
        <v>3633</v>
      </c>
      <c r="WEN1" s="216" t="s">
        <v>3633</v>
      </c>
      <c r="WEO1" s="216" t="s">
        <v>3633</v>
      </c>
      <c r="WEP1" s="216" t="s">
        <v>3633</v>
      </c>
      <c r="WEQ1" s="216" t="s">
        <v>3633</v>
      </c>
      <c r="WER1" s="216" t="s">
        <v>3633</v>
      </c>
      <c r="WES1" s="216" t="s">
        <v>3633</v>
      </c>
      <c r="WET1" s="216" t="s">
        <v>3633</v>
      </c>
      <c r="WEU1" s="216" t="s">
        <v>3633</v>
      </c>
      <c r="WEV1" s="216" t="s">
        <v>3633</v>
      </c>
      <c r="WEW1" s="216" t="s">
        <v>3633</v>
      </c>
      <c r="WEX1" s="216" t="s">
        <v>3633</v>
      </c>
      <c r="WEY1" s="216" t="s">
        <v>3633</v>
      </c>
      <c r="WEZ1" s="216" t="s">
        <v>3633</v>
      </c>
      <c r="WFA1" s="216" t="s">
        <v>3633</v>
      </c>
      <c r="WFB1" s="216" t="s">
        <v>3633</v>
      </c>
      <c r="WFC1" s="216" t="s">
        <v>3633</v>
      </c>
      <c r="WFD1" s="216" t="s">
        <v>3633</v>
      </c>
      <c r="WFE1" s="216" t="s">
        <v>3633</v>
      </c>
      <c r="WFF1" s="216" t="s">
        <v>3633</v>
      </c>
      <c r="WFG1" s="216" t="s">
        <v>3633</v>
      </c>
      <c r="WFH1" s="216" t="s">
        <v>3633</v>
      </c>
      <c r="WFI1" s="216" t="s">
        <v>3633</v>
      </c>
      <c r="WFJ1" s="216" t="s">
        <v>3633</v>
      </c>
      <c r="WFK1" s="216" t="s">
        <v>3633</v>
      </c>
      <c r="WFL1" s="216" t="s">
        <v>3633</v>
      </c>
      <c r="WFM1" s="216" t="s">
        <v>3633</v>
      </c>
      <c r="WFN1" s="216" t="s">
        <v>3633</v>
      </c>
      <c r="WFO1" s="216" t="s">
        <v>3633</v>
      </c>
      <c r="WFP1" s="216" t="s">
        <v>3633</v>
      </c>
      <c r="WFQ1" s="216" t="s">
        <v>3633</v>
      </c>
      <c r="WFR1" s="216" t="s">
        <v>3633</v>
      </c>
      <c r="WFS1" s="216" t="s">
        <v>3633</v>
      </c>
      <c r="WFT1" s="216" t="s">
        <v>3633</v>
      </c>
      <c r="WFU1" s="216" t="s">
        <v>3633</v>
      </c>
      <c r="WFV1" s="216" t="s">
        <v>3633</v>
      </c>
      <c r="WFW1" s="216" t="s">
        <v>3633</v>
      </c>
      <c r="WFX1" s="216" t="s">
        <v>3633</v>
      </c>
      <c r="WFY1" s="216" t="s">
        <v>3633</v>
      </c>
      <c r="WFZ1" s="216" t="s">
        <v>3633</v>
      </c>
      <c r="WGA1" s="216" t="s">
        <v>3633</v>
      </c>
      <c r="WGB1" s="216" t="s">
        <v>3633</v>
      </c>
      <c r="WGC1" s="216" t="s">
        <v>3633</v>
      </c>
      <c r="WGD1" s="216" t="s">
        <v>3633</v>
      </c>
      <c r="WGE1" s="216" t="s">
        <v>3633</v>
      </c>
      <c r="WGF1" s="216" t="s">
        <v>3633</v>
      </c>
      <c r="WGG1" s="216" t="s">
        <v>3633</v>
      </c>
      <c r="WGH1" s="216" t="s">
        <v>3633</v>
      </c>
      <c r="WGI1" s="216" t="s">
        <v>3633</v>
      </c>
      <c r="WGJ1" s="216" t="s">
        <v>3633</v>
      </c>
      <c r="WGK1" s="216" t="s">
        <v>3633</v>
      </c>
      <c r="WGL1" s="216" t="s">
        <v>3633</v>
      </c>
      <c r="WGM1" s="216" t="s">
        <v>3633</v>
      </c>
      <c r="WGN1" s="216" t="s">
        <v>3633</v>
      </c>
      <c r="WGO1" s="216" t="s">
        <v>3633</v>
      </c>
      <c r="WGP1" s="216" t="s">
        <v>3633</v>
      </c>
      <c r="WGQ1" s="216" t="s">
        <v>3633</v>
      </c>
      <c r="WGR1" s="216" t="s">
        <v>3633</v>
      </c>
      <c r="WGS1" s="216" t="s">
        <v>3633</v>
      </c>
      <c r="WGT1" s="216" t="s">
        <v>3633</v>
      </c>
      <c r="WGU1" s="216" t="s">
        <v>3633</v>
      </c>
      <c r="WGV1" s="216" t="s">
        <v>3633</v>
      </c>
      <c r="WGW1" s="216" t="s">
        <v>3633</v>
      </c>
      <c r="WGX1" s="216" t="s">
        <v>3633</v>
      </c>
      <c r="WGY1" s="216" t="s">
        <v>3633</v>
      </c>
      <c r="WGZ1" s="216" t="s">
        <v>3633</v>
      </c>
      <c r="WHA1" s="216" t="s">
        <v>3633</v>
      </c>
      <c r="WHB1" s="216" t="s">
        <v>3633</v>
      </c>
      <c r="WHC1" s="216" t="s">
        <v>3633</v>
      </c>
      <c r="WHD1" s="216" t="s">
        <v>3633</v>
      </c>
      <c r="WHE1" s="216" t="s">
        <v>3633</v>
      </c>
      <c r="WHF1" s="216" t="s">
        <v>3633</v>
      </c>
      <c r="WHG1" s="216" t="s">
        <v>3633</v>
      </c>
      <c r="WHH1" s="216" t="s">
        <v>3633</v>
      </c>
      <c r="WHI1" s="216" t="s">
        <v>3633</v>
      </c>
      <c r="WHJ1" s="216" t="s">
        <v>3633</v>
      </c>
      <c r="WHK1" s="216" t="s">
        <v>3633</v>
      </c>
      <c r="WHL1" s="216" t="s">
        <v>3633</v>
      </c>
      <c r="WHM1" s="216" t="s">
        <v>3633</v>
      </c>
      <c r="WHN1" s="216" t="s">
        <v>3633</v>
      </c>
      <c r="WHO1" s="216" t="s">
        <v>3633</v>
      </c>
      <c r="WHP1" s="216" t="s">
        <v>3633</v>
      </c>
      <c r="WHQ1" s="216" t="s">
        <v>3633</v>
      </c>
      <c r="WHR1" s="216" t="s">
        <v>3633</v>
      </c>
      <c r="WHS1" s="216" t="s">
        <v>3633</v>
      </c>
      <c r="WHT1" s="216" t="s">
        <v>3633</v>
      </c>
      <c r="WHU1" s="216" t="s">
        <v>3633</v>
      </c>
      <c r="WHV1" s="216" t="s">
        <v>3633</v>
      </c>
      <c r="WHW1" s="216" t="s">
        <v>3633</v>
      </c>
      <c r="WHX1" s="216" t="s">
        <v>3633</v>
      </c>
      <c r="WHY1" s="216" t="s">
        <v>3633</v>
      </c>
      <c r="WHZ1" s="216" t="s">
        <v>3633</v>
      </c>
      <c r="WIA1" s="216" t="s">
        <v>3633</v>
      </c>
      <c r="WIB1" s="216" t="s">
        <v>3633</v>
      </c>
      <c r="WIC1" s="216" t="s">
        <v>3633</v>
      </c>
      <c r="WID1" s="216" t="s">
        <v>3633</v>
      </c>
      <c r="WIE1" s="216" t="s">
        <v>3633</v>
      </c>
      <c r="WIF1" s="216" t="s">
        <v>3633</v>
      </c>
      <c r="WIG1" s="216" t="s">
        <v>3633</v>
      </c>
      <c r="WIH1" s="216" t="s">
        <v>3633</v>
      </c>
      <c r="WII1" s="216" t="s">
        <v>3633</v>
      </c>
      <c r="WIJ1" s="216" t="s">
        <v>3633</v>
      </c>
      <c r="WIK1" s="216" t="s">
        <v>3633</v>
      </c>
      <c r="WIL1" s="216" t="s">
        <v>3633</v>
      </c>
      <c r="WIM1" s="216" t="s">
        <v>3633</v>
      </c>
      <c r="WIN1" s="216" t="s">
        <v>3633</v>
      </c>
      <c r="WIO1" s="216" t="s">
        <v>3633</v>
      </c>
      <c r="WIP1" s="216" t="s">
        <v>3633</v>
      </c>
      <c r="WIQ1" s="216" t="s">
        <v>3633</v>
      </c>
      <c r="WIR1" s="216" t="s">
        <v>3633</v>
      </c>
      <c r="WIS1" s="216" t="s">
        <v>3633</v>
      </c>
      <c r="WIT1" s="216" t="s">
        <v>3633</v>
      </c>
      <c r="WIU1" s="216" t="s">
        <v>3633</v>
      </c>
      <c r="WIV1" s="216" t="s">
        <v>3633</v>
      </c>
      <c r="WIW1" s="216" t="s">
        <v>3633</v>
      </c>
      <c r="WIX1" s="216" t="s">
        <v>3633</v>
      </c>
      <c r="WIY1" s="216" t="s">
        <v>3633</v>
      </c>
      <c r="WIZ1" s="216" t="s">
        <v>3633</v>
      </c>
      <c r="WJA1" s="216" t="s">
        <v>3633</v>
      </c>
      <c r="WJB1" s="216" t="s">
        <v>3633</v>
      </c>
      <c r="WJC1" s="216" t="s">
        <v>3633</v>
      </c>
      <c r="WJD1" s="216" t="s">
        <v>3633</v>
      </c>
      <c r="WJE1" s="216" t="s">
        <v>3633</v>
      </c>
      <c r="WJF1" s="216" t="s">
        <v>3633</v>
      </c>
      <c r="WJG1" s="216" t="s">
        <v>3633</v>
      </c>
      <c r="WJH1" s="216" t="s">
        <v>3633</v>
      </c>
      <c r="WJI1" s="216" t="s">
        <v>3633</v>
      </c>
      <c r="WJJ1" s="216" t="s">
        <v>3633</v>
      </c>
      <c r="WJK1" s="216" t="s">
        <v>3633</v>
      </c>
      <c r="WJL1" s="216" t="s">
        <v>3633</v>
      </c>
      <c r="WJM1" s="216" t="s">
        <v>3633</v>
      </c>
      <c r="WJN1" s="216" t="s">
        <v>3633</v>
      </c>
      <c r="WJO1" s="216" t="s">
        <v>3633</v>
      </c>
      <c r="WJP1" s="216" t="s">
        <v>3633</v>
      </c>
      <c r="WJQ1" s="216" t="s">
        <v>3633</v>
      </c>
      <c r="WJR1" s="216" t="s">
        <v>3633</v>
      </c>
      <c r="WJS1" s="216" t="s">
        <v>3633</v>
      </c>
      <c r="WJT1" s="216" t="s">
        <v>3633</v>
      </c>
      <c r="WJU1" s="216" t="s">
        <v>3633</v>
      </c>
      <c r="WJV1" s="216" t="s">
        <v>3633</v>
      </c>
      <c r="WJW1" s="216" t="s">
        <v>3633</v>
      </c>
      <c r="WJX1" s="216" t="s">
        <v>3633</v>
      </c>
      <c r="WJY1" s="216" t="s">
        <v>3633</v>
      </c>
      <c r="WJZ1" s="216" t="s">
        <v>3633</v>
      </c>
      <c r="WKA1" s="216" t="s">
        <v>3633</v>
      </c>
      <c r="WKB1" s="216" t="s">
        <v>3633</v>
      </c>
      <c r="WKC1" s="216" t="s">
        <v>3633</v>
      </c>
      <c r="WKD1" s="216" t="s">
        <v>3633</v>
      </c>
      <c r="WKE1" s="216" t="s">
        <v>3633</v>
      </c>
      <c r="WKF1" s="216" t="s">
        <v>3633</v>
      </c>
      <c r="WKG1" s="216" t="s">
        <v>3633</v>
      </c>
      <c r="WKH1" s="216" t="s">
        <v>3633</v>
      </c>
      <c r="WKI1" s="216" t="s">
        <v>3633</v>
      </c>
      <c r="WKJ1" s="216" t="s">
        <v>3633</v>
      </c>
      <c r="WKK1" s="216" t="s">
        <v>3633</v>
      </c>
      <c r="WKL1" s="216" t="s">
        <v>3633</v>
      </c>
      <c r="WKM1" s="216" t="s">
        <v>3633</v>
      </c>
      <c r="WKN1" s="216" t="s">
        <v>3633</v>
      </c>
      <c r="WKO1" s="216" t="s">
        <v>3633</v>
      </c>
      <c r="WKP1" s="216" t="s">
        <v>3633</v>
      </c>
      <c r="WKQ1" s="216" t="s">
        <v>3633</v>
      </c>
      <c r="WKR1" s="216" t="s">
        <v>3633</v>
      </c>
      <c r="WKS1" s="216" t="s">
        <v>3633</v>
      </c>
      <c r="WKT1" s="216" t="s">
        <v>3633</v>
      </c>
      <c r="WKU1" s="216" t="s">
        <v>3633</v>
      </c>
      <c r="WKV1" s="216" t="s">
        <v>3633</v>
      </c>
      <c r="WKW1" s="216" t="s">
        <v>3633</v>
      </c>
      <c r="WKX1" s="216" t="s">
        <v>3633</v>
      </c>
      <c r="WKY1" s="216" t="s">
        <v>3633</v>
      </c>
      <c r="WKZ1" s="216" t="s">
        <v>3633</v>
      </c>
      <c r="WLA1" s="216" t="s">
        <v>3633</v>
      </c>
      <c r="WLB1" s="216" t="s">
        <v>3633</v>
      </c>
      <c r="WLC1" s="216" t="s">
        <v>3633</v>
      </c>
      <c r="WLD1" s="216" t="s">
        <v>3633</v>
      </c>
      <c r="WLE1" s="216" t="s">
        <v>3633</v>
      </c>
      <c r="WLF1" s="216" t="s">
        <v>3633</v>
      </c>
      <c r="WLG1" s="216" t="s">
        <v>3633</v>
      </c>
      <c r="WLH1" s="216" t="s">
        <v>3633</v>
      </c>
      <c r="WLI1" s="216" t="s">
        <v>3633</v>
      </c>
      <c r="WLJ1" s="216" t="s">
        <v>3633</v>
      </c>
      <c r="WLK1" s="216" t="s">
        <v>3633</v>
      </c>
      <c r="WLL1" s="216" t="s">
        <v>3633</v>
      </c>
      <c r="WLM1" s="216" t="s">
        <v>3633</v>
      </c>
      <c r="WLN1" s="216" t="s">
        <v>3633</v>
      </c>
      <c r="WLO1" s="216" t="s">
        <v>3633</v>
      </c>
      <c r="WLP1" s="216" t="s">
        <v>3633</v>
      </c>
      <c r="WLQ1" s="216" t="s">
        <v>3633</v>
      </c>
      <c r="WLR1" s="216" t="s">
        <v>3633</v>
      </c>
      <c r="WLS1" s="216" t="s">
        <v>3633</v>
      </c>
      <c r="WLT1" s="216" t="s">
        <v>3633</v>
      </c>
      <c r="WLU1" s="216" t="s">
        <v>3633</v>
      </c>
      <c r="WLV1" s="216" t="s">
        <v>3633</v>
      </c>
      <c r="WLW1" s="216" t="s">
        <v>3633</v>
      </c>
      <c r="WLX1" s="216" t="s">
        <v>3633</v>
      </c>
      <c r="WLY1" s="216" t="s">
        <v>3633</v>
      </c>
      <c r="WLZ1" s="216" t="s">
        <v>3633</v>
      </c>
      <c r="WMA1" s="216" t="s">
        <v>3633</v>
      </c>
      <c r="WMB1" s="216" t="s">
        <v>3633</v>
      </c>
      <c r="WMC1" s="216" t="s">
        <v>3633</v>
      </c>
      <c r="WMD1" s="216" t="s">
        <v>3633</v>
      </c>
      <c r="WME1" s="216" t="s">
        <v>3633</v>
      </c>
      <c r="WMF1" s="216" t="s">
        <v>3633</v>
      </c>
      <c r="WMG1" s="216" t="s">
        <v>3633</v>
      </c>
      <c r="WMH1" s="216" t="s">
        <v>3633</v>
      </c>
      <c r="WMI1" s="216" t="s">
        <v>3633</v>
      </c>
      <c r="WMJ1" s="216" t="s">
        <v>3633</v>
      </c>
      <c r="WMK1" s="216" t="s">
        <v>3633</v>
      </c>
      <c r="WML1" s="216" t="s">
        <v>3633</v>
      </c>
      <c r="WMM1" s="216" t="s">
        <v>3633</v>
      </c>
      <c r="WMN1" s="216" t="s">
        <v>3633</v>
      </c>
      <c r="WMO1" s="216" t="s">
        <v>3633</v>
      </c>
      <c r="WMP1" s="216" t="s">
        <v>3633</v>
      </c>
      <c r="WMQ1" s="216" t="s">
        <v>3633</v>
      </c>
      <c r="WMR1" s="216" t="s">
        <v>3633</v>
      </c>
      <c r="WMS1" s="216" t="s">
        <v>3633</v>
      </c>
      <c r="WMT1" s="216" t="s">
        <v>3633</v>
      </c>
      <c r="WMU1" s="216" t="s">
        <v>3633</v>
      </c>
      <c r="WMV1" s="216" t="s">
        <v>3633</v>
      </c>
      <c r="WMW1" s="216" t="s">
        <v>3633</v>
      </c>
      <c r="WMX1" s="216" t="s">
        <v>3633</v>
      </c>
      <c r="WMY1" s="216" t="s">
        <v>3633</v>
      </c>
      <c r="WMZ1" s="216" t="s">
        <v>3633</v>
      </c>
      <c r="WNA1" s="216" t="s">
        <v>3633</v>
      </c>
      <c r="WNB1" s="216" t="s">
        <v>3633</v>
      </c>
      <c r="WNC1" s="216" t="s">
        <v>3633</v>
      </c>
      <c r="WND1" s="216" t="s">
        <v>3633</v>
      </c>
      <c r="WNE1" s="216" t="s">
        <v>3633</v>
      </c>
      <c r="WNF1" s="216" t="s">
        <v>3633</v>
      </c>
      <c r="WNG1" s="216" t="s">
        <v>3633</v>
      </c>
      <c r="WNH1" s="216" t="s">
        <v>3633</v>
      </c>
      <c r="WNI1" s="216" t="s">
        <v>3633</v>
      </c>
      <c r="WNJ1" s="216" t="s">
        <v>3633</v>
      </c>
      <c r="WNK1" s="216" t="s">
        <v>3633</v>
      </c>
      <c r="WNL1" s="216" t="s">
        <v>3633</v>
      </c>
      <c r="WNM1" s="216" t="s">
        <v>3633</v>
      </c>
      <c r="WNN1" s="216" t="s">
        <v>3633</v>
      </c>
      <c r="WNO1" s="216" t="s">
        <v>3633</v>
      </c>
      <c r="WNP1" s="216" t="s">
        <v>3633</v>
      </c>
      <c r="WNQ1" s="216" t="s">
        <v>3633</v>
      </c>
      <c r="WNR1" s="216" t="s">
        <v>3633</v>
      </c>
      <c r="WNS1" s="216" t="s">
        <v>3633</v>
      </c>
      <c r="WNT1" s="216" t="s">
        <v>3633</v>
      </c>
      <c r="WNU1" s="216" t="s">
        <v>3633</v>
      </c>
      <c r="WNV1" s="216" t="s">
        <v>3633</v>
      </c>
      <c r="WNW1" s="216" t="s">
        <v>3633</v>
      </c>
      <c r="WNX1" s="216" t="s">
        <v>3633</v>
      </c>
      <c r="WNY1" s="216" t="s">
        <v>3633</v>
      </c>
      <c r="WNZ1" s="216" t="s">
        <v>3633</v>
      </c>
      <c r="WOA1" s="216" t="s">
        <v>3633</v>
      </c>
      <c r="WOB1" s="216" t="s">
        <v>3633</v>
      </c>
      <c r="WOC1" s="216" t="s">
        <v>3633</v>
      </c>
      <c r="WOD1" s="216" t="s">
        <v>3633</v>
      </c>
      <c r="WOE1" s="216" t="s">
        <v>3633</v>
      </c>
      <c r="WOF1" s="216" t="s">
        <v>3633</v>
      </c>
      <c r="WOG1" s="216" t="s">
        <v>3633</v>
      </c>
      <c r="WOH1" s="216" t="s">
        <v>3633</v>
      </c>
      <c r="WOI1" s="216" t="s">
        <v>3633</v>
      </c>
      <c r="WOJ1" s="216" t="s">
        <v>3633</v>
      </c>
      <c r="WOK1" s="216" t="s">
        <v>3633</v>
      </c>
      <c r="WOL1" s="216" t="s">
        <v>3633</v>
      </c>
      <c r="WOM1" s="216" t="s">
        <v>3633</v>
      </c>
      <c r="WON1" s="216" t="s">
        <v>3633</v>
      </c>
      <c r="WOO1" s="216" t="s">
        <v>3633</v>
      </c>
      <c r="WOP1" s="216" t="s">
        <v>3633</v>
      </c>
      <c r="WOQ1" s="216" t="s">
        <v>3633</v>
      </c>
      <c r="WOR1" s="216" t="s">
        <v>3633</v>
      </c>
      <c r="WOS1" s="216" t="s">
        <v>3633</v>
      </c>
      <c r="WOT1" s="216" t="s">
        <v>3633</v>
      </c>
      <c r="WOU1" s="216" t="s">
        <v>3633</v>
      </c>
      <c r="WOV1" s="216" t="s">
        <v>3633</v>
      </c>
      <c r="WOW1" s="216" t="s">
        <v>3633</v>
      </c>
      <c r="WOX1" s="216" t="s">
        <v>3633</v>
      </c>
      <c r="WOY1" s="216" t="s">
        <v>3633</v>
      </c>
      <c r="WOZ1" s="216" t="s">
        <v>3633</v>
      </c>
      <c r="WPA1" s="216" t="s">
        <v>3633</v>
      </c>
      <c r="WPB1" s="216" t="s">
        <v>3633</v>
      </c>
      <c r="WPC1" s="216" t="s">
        <v>3633</v>
      </c>
      <c r="WPD1" s="216" t="s">
        <v>3633</v>
      </c>
      <c r="WPE1" s="216" t="s">
        <v>3633</v>
      </c>
      <c r="WPF1" s="216" t="s">
        <v>3633</v>
      </c>
      <c r="WPG1" s="216" t="s">
        <v>3633</v>
      </c>
      <c r="WPH1" s="216" t="s">
        <v>3633</v>
      </c>
      <c r="WPI1" s="216" t="s">
        <v>3633</v>
      </c>
      <c r="WPJ1" s="216" t="s">
        <v>3633</v>
      </c>
      <c r="WPK1" s="216" t="s">
        <v>3633</v>
      </c>
      <c r="WPL1" s="216" t="s">
        <v>3633</v>
      </c>
      <c r="WPM1" s="216" t="s">
        <v>3633</v>
      </c>
      <c r="WPN1" s="216" t="s">
        <v>3633</v>
      </c>
      <c r="WPO1" s="216" t="s">
        <v>3633</v>
      </c>
      <c r="WPP1" s="216" t="s">
        <v>3633</v>
      </c>
      <c r="WPQ1" s="216" t="s">
        <v>3633</v>
      </c>
      <c r="WPR1" s="216" t="s">
        <v>3633</v>
      </c>
      <c r="WPS1" s="216" t="s">
        <v>3633</v>
      </c>
      <c r="WPT1" s="216" t="s">
        <v>3633</v>
      </c>
      <c r="WPU1" s="216" t="s">
        <v>3633</v>
      </c>
      <c r="WPV1" s="216" t="s">
        <v>3633</v>
      </c>
      <c r="WPW1" s="216" t="s">
        <v>3633</v>
      </c>
      <c r="WPX1" s="216" t="s">
        <v>3633</v>
      </c>
      <c r="WPY1" s="216" t="s">
        <v>3633</v>
      </c>
      <c r="WPZ1" s="216" t="s">
        <v>3633</v>
      </c>
      <c r="WQA1" s="216" t="s">
        <v>3633</v>
      </c>
      <c r="WQB1" s="216" t="s">
        <v>3633</v>
      </c>
      <c r="WQC1" s="216" t="s">
        <v>3633</v>
      </c>
      <c r="WQD1" s="216" t="s">
        <v>3633</v>
      </c>
      <c r="WQE1" s="216" t="s">
        <v>3633</v>
      </c>
      <c r="WQF1" s="216" t="s">
        <v>3633</v>
      </c>
      <c r="WQG1" s="216" t="s">
        <v>3633</v>
      </c>
      <c r="WQH1" s="216" t="s">
        <v>3633</v>
      </c>
      <c r="WQI1" s="216" t="s">
        <v>3633</v>
      </c>
      <c r="WQJ1" s="216" t="s">
        <v>3633</v>
      </c>
      <c r="WQK1" s="216" t="s">
        <v>3633</v>
      </c>
      <c r="WQL1" s="216" t="s">
        <v>3633</v>
      </c>
      <c r="WQM1" s="216" t="s">
        <v>3633</v>
      </c>
      <c r="WQN1" s="216" t="s">
        <v>3633</v>
      </c>
      <c r="WQO1" s="216" t="s">
        <v>3633</v>
      </c>
      <c r="WQP1" s="216" t="s">
        <v>3633</v>
      </c>
      <c r="WQQ1" s="216" t="s">
        <v>3633</v>
      </c>
      <c r="WQR1" s="216" t="s">
        <v>3633</v>
      </c>
      <c r="WQS1" s="216" t="s">
        <v>3633</v>
      </c>
      <c r="WQT1" s="216" t="s">
        <v>3633</v>
      </c>
      <c r="WQU1" s="216" t="s">
        <v>3633</v>
      </c>
      <c r="WQV1" s="216" t="s">
        <v>3633</v>
      </c>
      <c r="WQW1" s="216" t="s">
        <v>3633</v>
      </c>
      <c r="WQX1" s="216" t="s">
        <v>3633</v>
      </c>
      <c r="WQY1" s="216" t="s">
        <v>3633</v>
      </c>
      <c r="WQZ1" s="216" t="s">
        <v>3633</v>
      </c>
      <c r="WRA1" s="216" t="s">
        <v>3633</v>
      </c>
      <c r="WRB1" s="216" t="s">
        <v>3633</v>
      </c>
      <c r="WRC1" s="216" t="s">
        <v>3633</v>
      </c>
      <c r="WRD1" s="216" t="s">
        <v>3633</v>
      </c>
      <c r="WRE1" s="216" t="s">
        <v>3633</v>
      </c>
      <c r="WRF1" s="216" t="s">
        <v>3633</v>
      </c>
      <c r="WRG1" s="216" t="s">
        <v>3633</v>
      </c>
      <c r="WRH1" s="216" t="s">
        <v>3633</v>
      </c>
      <c r="WRI1" s="216" t="s">
        <v>3633</v>
      </c>
      <c r="WRJ1" s="216" t="s">
        <v>3633</v>
      </c>
      <c r="WRK1" s="216" t="s">
        <v>3633</v>
      </c>
      <c r="WRL1" s="216" t="s">
        <v>3633</v>
      </c>
      <c r="WRM1" s="216" t="s">
        <v>3633</v>
      </c>
      <c r="WRN1" s="216" t="s">
        <v>3633</v>
      </c>
      <c r="WRO1" s="216" t="s">
        <v>3633</v>
      </c>
      <c r="WRP1" s="216" t="s">
        <v>3633</v>
      </c>
      <c r="WRQ1" s="216" t="s">
        <v>3633</v>
      </c>
      <c r="WRR1" s="216" t="s">
        <v>3633</v>
      </c>
      <c r="WRS1" s="216" t="s">
        <v>3633</v>
      </c>
      <c r="WRT1" s="216" t="s">
        <v>3633</v>
      </c>
      <c r="WRU1" s="216" t="s">
        <v>3633</v>
      </c>
      <c r="WRV1" s="216" t="s">
        <v>3633</v>
      </c>
      <c r="WRW1" s="216" t="s">
        <v>3633</v>
      </c>
      <c r="WRX1" s="216" t="s">
        <v>3633</v>
      </c>
      <c r="WRY1" s="216" t="s">
        <v>3633</v>
      </c>
      <c r="WRZ1" s="216" t="s">
        <v>3633</v>
      </c>
      <c r="WSA1" s="216" t="s">
        <v>3633</v>
      </c>
      <c r="WSB1" s="216" t="s">
        <v>3633</v>
      </c>
      <c r="WSC1" s="216" t="s">
        <v>3633</v>
      </c>
      <c r="WSD1" s="216" t="s">
        <v>3633</v>
      </c>
      <c r="WSE1" s="216" t="s">
        <v>3633</v>
      </c>
      <c r="WSF1" s="216" t="s">
        <v>3633</v>
      </c>
      <c r="WSG1" s="216" t="s">
        <v>3633</v>
      </c>
      <c r="WSH1" s="216" t="s">
        <v>3633</v>
      </c>
      <c r="WSI1" s="216" t="s">
        <v>3633</v>
      </c>
      <c r="WSJ1" s="216" t="s">
        <v>3633</v>
      </c>
      <c r="WSK1" s="216" t="s">
        <v>3633</v>
      </c>
      <c r="WSL1" s="216" t="s">
        <v>3633</v>
      </c>
      <c r="WSM1" s="216" t="s">
        <v>3633</v>
      </c>
      <c r="WSN1" s="216" t="s">
        <v>3633</v>
      </c>
      <c r="WSO1" s="216" t="s">
        <v>3633</v>
      </c>
      <c r="WSP1" s="216" t="s">
        <v>3633</v>
      </c>
      <c r="WSQ1" s="216" t="s">
        <v>3633</v>
      </c>
      <c r="WSR1" s="216" t="s">
        <v>3633</v>
      </c>
      <c r="WSS1" s="216" t="s">
        <v>3633</v>
      </c>
      <c r="WST1" s="216" t="s">
        <v>3633</v>
      </c>
      <c r="WSU1" s="216" t="s">
        <v>3633</v>
      </c>
      <c r="WSV1" s="216" t="s">
        <v>3633</v>
      </c>
      <c r="WSW1" s="216" t="s">
        <v>3633</v>
      </c>
      <c r="WSX1" s="216" t="s">
        <v>3633</v>
      </c>
      <c r="WSY1" s="216" t="s">
        <v>3633</v>
      </c>
      <c r="WSZ1" s="216" t="s">
        <v>3633</v>
      </c>
      <c r="WTA1" s="216" t="s">
        <v>3633</v>
      </c>
      <c r="WTB1" s="216" t="s">
        <v>3633</v>
      </c>
      <c r="WTC1" s="216" t="s">
        <v>3633</v>
      </c>
      <c r="WTD1" s="216" t="s">
        <v>3633</v>
      </c>
      <c r="WTE1" s="216" t="s">
        <v>3633</v>
      </c>
      <c r="WTF1" s="216" t="s">
        <v>3633</v>
      </c>
      <c r="WTG1" s="216" t="s">
        <v>3633</v>
      </c>
      <c r="WTH1" s="216" t="s">
        <v>3633</v>
      </c>
      <c r="WTI1" s="216" t="s">
        <v>3633</v>
      </c>
      <c r="WTJ1" s="216" t="s">
        <v>3633</v>
      </c>
      <c r="WTK1" s="216" t="s">
        <v>3633</v>
      </c>
      <c r="WTL1" s="216" t="s">
        <v>3633</v>
      </c>
      <c r="WTM1" s="216" t="s">
        <v>3633</v>
      </c>
      <c r="WTN1" s="216" t="s">
        <v>3633</v>
      </c>
      <c r="WTO1" s="216" t="s">
        <v>3633</v>
      </c>
      <c r="WTP1" s="216" t="s">
        <v>3633</v>
      </c>
      <c r="WTQ1" s="216" t="s">
        <v>3633</v>
      </c>
      <c r="WTR1" s="216" t="s">
        <v>3633</v>
      </c>
      <c r="WTS1" s="216" t="s">
        <v>3633</v>
      </c>
      <c r="WTT1" s="216" t="s">
        <v>3633</v>
      </c>
      <c r="WTU1" s="216" t="s">
        <v>3633</v>
      </c>
      <c r="WTV1" s="216" t="s">
        <v>3633</v>
      </c>
      <c r="WTW1" s="216" t="s">
        <v>3633</v>
      </c>
      <c r="WTX1" s="216" t="s">
        <v>3633</v>
      </c>
      <c r="WTY1" s="216" t="s">
        <v>3633</v>
      </c>
      <c r="WTZ1" s="216" t="s">
        <v>3633</v>
      </c>
      <c r="WUA1" s="216" t="s">
        <v>3633</v>
      </c>
      <c r="WUB1" s="216" t="s">
        <v>3633</v>
      </c>
      <c r="WUC1" s="216" t="s">
        <v>3633</v>
      </c>
      <c r="WUD1" s="216" t="s">
        <v>3633</v>
      </c>
      <c r="WUE1" s="216" t="s">
        <v>3633</v>
      </c>
      <c r="WUF1" s="216" t="s">
        <v>3633</v>
      </c>
      <c r="WUG1" s="216" t="s">
        <v>3633</v>
      </c>
      <c r="WUH1" s="216" t="s">
        <v>3633</v>
      </c>
      <c r="WUI1" s="216" t="s">
        <v>3633</v>
      </c>
      <c r="WUJ1" s="216" t="s">
        <v>3633</v>
      </c>
      <c r="WUK1" s="216" t="s">
        <v>3633</v>
      </c>
      <c r="WUL1" s="216" t="s">
        <v>3633</v>
      </c>
      <c r="WUM1" s="216" t="s">
        <v>3633</v>
      </c>
      <c r="WUN1" s="216" t="s">
        <v>3633</v>
      </c>
      <c r="WUO1" s="216" t="s">
        <v>3633</v>
      </c>
      <c r="WUP1" s="216" t="s">
        <v>3633</v>
      </c>
      <c r="WUQ1" s="216" t="s">
        <v>3633</v>
      </c>
      <c r="WUR1" s="216" t="s">
        <v>3633</v>
      </c>
      <c r="WUS1" s="216" t="s">
        <v>3633</v>
      </c>
      <c r="WUT1" s="216" t="s">
        <v>3633</v>
      </c>
      <c r="WUU1" s="216" t="s">
        <v>3633</v>
      </c>
      <c r="WUV1" s="216" t="s">
        <v>3633</v>
      </c>
      <c r="WUW1" s="216" t="s">
        <v>3633</v>
      </c>
      <c r="WUX1" s="216" t="s">
        <v>3633</v>
      </c>
      <c r="WUY1" s="216" t="s">
        <v>3633</v>
      </c>
      <c r="WUZ1" s="216" t="s">
        <v>3633</v>
      </c>
      <c r="WVA1" s="216" t="s">
        <v>3633</v>
      </c>
      <c r="WVB1" s="216" t="s">
        <v>3633</v>
      </c>
      <c r="WVC1" s="216" t="s">
        <v>3633</v>
      </c>
      <c r="WVD1" s="216" t="s">
        <v>3633</v>
      </c>
      <c r="WVE1" s="216" t="s">
        <v>3633</v>
      </c>
      <c r="WVF1" s="216" t="s">
        <v>3633</v>
      </c>
      <c r="WVG1" s="216" t="s">
        <v>3633</v>
      </c>
      <c r="WVH1" s="216" t="s">
        <v>3633</v>
      </c>
      <c r="WVI1" s="216" t="s">
        <v>3633</v>
      </c>
      <c r="WVJ1" s="216" t="s">
        <v>3633</v>
      </c>
      <c r="WVK1" s="216" t="s">
        <v>3633</v>
      </c>
      <c r="WVL1" s="216" t="s">
        <v>3633</v>
      </c>
      <c r="WVM1" s="216" t="s">
        <v>3633</v>
      </c>
      <c r="WVN1" s="216" t="s">
        <v>3633</v>
      </c>
      <c r="WVO1" s="216" t="s">
        <v>3633</v>
      </c>
      <c r="WVP1" s="216" t="s">
        <v>3633</v>
      </c>
      <c r="WVQ1" s="216" t="s">
        <v>3633</v>
      </c>
      <c r="WVR1" s="216" t="s">
        <v>3633</v>
      </c>
      <c r="WVS1" s="216" t="s">
        <v>3633</v>
      </c>
      <c r="WVT1" s="216" t="s">
        <v>3633</v>
      </c>
      <c r="WVU1" s="216" t="s">
        <v>3633</v>
      </c>
      <c r="WVV1" s="216" t="s">
        <v>3633</v>
      </c>
      <c r="WVW1" s="216" t="s">
        <v>3633</v>
      </c>
      <c r="WVX1" s="216" t="s">
        <v>3633</v>
      </c>
      <c r="WVY1" s="216" t="s">
        <v>3633</v>
      </c>
      <c r="WVZ1" s="216" t="s">
        <v>3633</v>
      </c>
      <c r="WWA1" s="216" t="s">
        <v>3633</v>
      </c>
      <c r="WWB1" s="216" t="s">
        <v>3633</v>
      </c>
      <c r="WWC1" s="216" t="s">
        <v>3633</v>
      </c>
      <c r="WWD1" s="216" t="s">
        <v>3633</v>
      </c>
      <c r="WWE1" s="216" t="s">
        <v>3633</v>
      </c>
      <c r="WWF1" s="216" t="s">
        <v>3633</v>
      </c>
      <c r="WWG1" s="216" t="s">
        <v>3633</v>
      </c>
      <c r="WWH1" s="216" t="s">
        <v>3633</v>
      </c>
      <c r="WWI1" s="216" t="s">
        <v>3633</v>
      </c>
      <c r="WWJ1" s="216" t="s">
        <v>3633</v>
      </c>
      <c r="WWK1" s="216" t="s">
        <v>3633</v>
      </c>
      <c r="WWL1" s="216" t="s">
        <v>3633</v>
      </c>
      <c r="WWM1" s="216" t="s">
        <v>3633</v>
      </c>
      <c r="WWN1" s="216" t="s">
        <v>3633</v>
      </c>
      <c r="WWO1" s="216" t="s">
        <v>3633</v>
      </c>
      <c r="WWP1" s="216" t="s">
        <v>3633</v>
      </c>
      <c r="WWQ1" s="216" t="s">
        <v>3633</v>
      </c>
      <c r="WWR1" s="216" t="s">
        <v>3633</v>
      </c>
      <c r="WWS1" s="216" t="s">
        <v>3633</v>
      </c>
      <c r="WWT1" s="216" t="s">
        <v>3633</v>
      </c>
      <c r="WWU1" s="216" t="s">
        <v>3633</v>
      </c>
      <c r="WWV1" s="216" t="s">
        <v>3633</v>
      </c>
      <c r="WWW1" s="216" t="s">
        <v>3633</v>
      </c>
      <c r="WWX1" s="216" t="s">
        <v>3633</v>
      </c>
      <c r="WWY1" s="216" t="s">
        <v>3633</v>
      </c>
      <c r="WWZ1" s="216" t="s">
        <v>3633</v>
      </c>
      <c r="WXA1" s="216" t="s">
        <v>3633</v>
      </c>
      <c r="WXB1" s="216" t="s">
        <v>3633</v>
      </c>
      <c r="WXC1" s="216" t="s">
        <v>3633</v>
      </c>
      <c r="WXD1" s="216" t="s">
        <v>3633</v>
      </c>
      <c r="WXE1" s="216" t="s">
        <v>3633</v>
      </c>
      <c r="WXF1" s="216" t="s">
        <v>3633</v>
      </c>
      <c r="WXG1" s="216" t="s">
        <v>3633</v>
      </c>
      <c r="WXH1" s="216" t="s">
        <v>3633</v>
      </c>
      <c r="WXI1" s="216" t="s">
        <v>3633</v>
      </c>
      <c r="WXJ1" s="216" t="s">
        <v>3633</v>
      </c>
      <c r="WXK1" s="216" t="s">
        <v>3633</v>
      </c>
      <c r="WXL1" s="216" t="s">
        <v>3633</v>
      </c>
      <c r="WXM1" s="216" t="s">
        <v>3633</v>
      </c>
      <c r="WXN1" s="216" t="s">
        <v>3633</v>
      </c>
      <c r="WXO1" s="216" t="s">
        <v>3633</v>
      </c>
      <c r="WXP1" s="216" t="s">
        <v>3633</v>
      </c>
      <c r="WXQ1" s="216" t="s">
        <v>3633</v>
      </c>
      <c r="WXR1" s="216" t="s">
        <v>3633</v>
      </c>
      <c r="WXS1" s="216" t="s">
        <v>3633</v>
      </c>
      <c r="WXT1" s="216" t="s">
        <v>3633</v>
      </c>
      <c r="WXU1" s="216" t="s">
        <v>3633</v>
      </c>
      <c r="WXV1" s="216" t="s">
        <v>3633</v>
      </c>
      <c r="WXW1" s="216" t="s">
        <v>3633</v>
      </c>
      <c r="WXX1" s="216" t="s">
        <v>3633</v>
      </c>
      <c r="WXY1" s="216" t="s">
        <v>3633</v>
      </c>
      <c r="WXZ1" s="216" t="s">
        <v>3633</v>
      </c>
      <c r="WYA1" s="216" t="s">
        <v>3633</v>
      </c>
      <c r="WYB1" s="216" t="s">
        <v>3633</v>
      </c>
      <c r="WYC1" s="216" t="s">
        <v>3633</v>
      </c>
      <c r="WYD1" s="216" t="s">
        <v>3633</v>
      </c>
      <c r="WYE1" s="216" t="s">
        <v>3633</v>
      </c>
      <c r="WYF1" s="216" t="s">
        <v>3633</v>
      </c>
      <c r="WYG1" s="216" t="s">
        <v>3633</v>
      </c>
      <c r="WYH1" s="216" t="s">
        <v>3633</v>
      </c>
      <c r="WYI1" s="216" t="s">
        <v>3633</v>
      </c>
      <c r="WYJ1" s="216" t="s">
        <v>3633</v>
      </c>
      <c r="WYK1" s="216" t="s">
        <v>3633</v>
      </c>
      <c r="WYL1" s="216" t="s">
        <v>3633</v>
      </c>
      <c r="WYM1" s="216" t="s">
        <v>3633</v>
      </c>
      <c r="WYN1" s="216" t="s">
        <v>3633</v>
      </c>
      <c r="WYO1" s="216" t="s">
        <v>3633</v>
      </c>
      <c r="WYP1" s="216" t="s">
        <v>3633</v>
      </c>
      <c r="WYQ1" s="216" t="s">
        <v>3633</v>
      </c>
      <c r="WYR1" s="216" t="s">
        <v>3633</v>
      </c>
      <c r="WYS1" s="216" t="s">
        <v>3633</v>
      </c>
      <c r="WYT1" s="216" t="s">
        <v>3633</v>
      </c>
      <c r="WYU1" s="216" t="s">
        <v>3633</v>
      </c>
      <c r="WYV1" s="216" t="s">
        <v>3633</v>
      </c>
      <c r="WYW1" s="216" t="s">
        <v>3633</v>
      </c>
      <c r="WYX1" s="216" t="s">
        <v>3633</v>
      </c>
      <c r="WYY1" s="216" t="s">
        <v>3633</v>
      </c>
      <c r="WYZ1" s="216" t="s">
        <v>3633</v>
      </c>
      <c r="WZA1" s="216" t="s">
        <v>3633</v>
      </c>
      <c r="WZB1" s="216" t="s">
        <v>3633</v>
      </c>
      <c r="WZC1" s="216" t="s">
        <v>3633</v>
      </c>
      <c r="WZD1" s="216" t="s">
        <v>3633</v>
      </c>
      <c r="WZE1" s="216" t="s">
        <v>3633</v>
      </c>
      <c r="WZF1" s="216" t="s">
        <v>3633</v>
      </c>
      <c r="WZG1" s="216" t="s">
        <v>3633</v>
      </c>
      <c r="WZH1" s="216" t="s">
        <v>3633</v>
      </c>
      <c r="WZI1" s="216" t="s">
        <v>3633</v>
      </c>
      <c r="WZJ1" s="216" t="s">
        <v>3633</v>
      </c>
      <c r="WZK1" s="216" t="s">
        <v>3633</v>
      </c>
      <c r="WZL1" s="216" t="s">
        <v>3633</v>
      </c>
      <c r="WZM1" s="216" t="s">
        <v>3633</v>
      </c>
      <c r="WZN1" s="216" t="s">
        <v>3633</v>
      </c>
      <c r="WZO1" s="216" t="s">
        <v>3633</v>
      </c>
      <c r="WZP1" s="216" t="s">
        <v>3633</v>
      </c>
      <c r="WZQ1" s="216" t="s">
        <v>3633</v>
      </c>
      <c r="WZR1" s="216" t="s">
        <v>3633</v>
      </c>
      <c r="WZS1" s="216" t="s">
        <v>3633</v>
      </c>
      <c r="WZT1" s="216" t="s">
        <v>3633</v>
      </c>
      <c r="WZU1" s="216" t="s">
        <v>3633</v>
      </c>
      <c r="WZV1" s="216" t="s">
        <v>3633</v>
      </c>
      <c r="WZW1" s="216" t="s">
        <v>3633</v>
      </c>
      <c r="WZX1" s="216" t="s">
        <v>3633</v>
      </c>
      <c r="WZY1" s="216" t="s">
        <v>3633</v>
      </c>
      <c r="WZZ1" s="216" t="s">
        <v>3633</v>
      </c>
      <c r="XAA1" s="216" t="s">
        <v>3633</v>
      </c>
      <c r="XAB1" s="216" t="s">
        <v>3633</v>
      </c>
      <c r="XAC1" s="216" t="s">
        <v>3633</v>
      </c>
      <c r="XAD1" s="216" t="s">
        <v>3633</v>
      </c>
      <c r="XAE1" s="216" t="s">
        <v>3633</v>
      </c>
      <c r="XAF1" s="216" t="s">
        <v>3633</v>
      </c>
      <c r="XAG1" s="216" t="s">
        <v>3633</v>
      </c>
      <c r="XAH1" s="216" t="s">
        <v>3633</v>
      </c>
      <c r="XAI1" s="216" t="s">
        <v>3633</v>
      </c>
      <c r="XAJ1" s="216" t="s">
        <v>3633</v>
      </c>
      <c r="XAK1" s="216" t="s">
        <v>3633</v>
      </c>
      <c r="XAL1" s="216" t="s">
        <v>3633</v>
      </c>
      <c r="XAM1" s="216" t="s">
        <v>3633</v>
      </c>
      <c r="XAN1" s="216" t="s">
        <v>3633</v>
      </c>
      <c r="XAO1" s="216" t="s">
        <v>3633</v>
      </c>
      <c r="XAP1" s="216" t="s">
        <v>3633</v>
      </c>
      <c r="XAQ1" s="216" t="s">
        <v>3633</v>
      </c>
      <c r="XAR1" s="216" t="s">
        <v>3633</v>
      </c>
      <c r="XAS1" s="216" t="s">
        <v>3633</v>
      </c>
      <c r="XAT1" s="216" t="s">
        <v>3633</v>
      </c>
      <c r="XAU1" s="216" t="s">
        <v>3633</v>
      </c>
      <c r="XAV1" s="216" t="s">
        <v>3633</v>
      </c>
      <c r="XAW1" s="216" t="s">
        <v>3633</v>
      </c>
      <c r="XAX1" s="216" t="s">
        <v>3633</v>
      </c>
      <c r="XAY1" s="216" t="s">
        <v>3633</v>
      </c>
      <c r="XAZ1" s="216" t="s">
        <v>3633</v>
      </c>
      <c r="XBA1" s="216" t="s">
        <v>3633</v>
      </c>
      <c r="XBB1" s="216" t="s">
        <v>3633</v>
      </c>
      <c r="XBC1" s="216" t="s">
        <v>3633</v>
      </c>
      <c r="XBD1" s="216" t="s">
        <v>3633</v>
      </c>
      <c r="XBE1" s="216" t="s">
        <v>3633</v>
      </c>
      <c r="XBF1" s="216" t="s">
        <v>3633</v>
      </c>
      <c r="XBG1" s="216" t="s">
        <v>3633</v>
      </c>
      <c r="XBH1" s="216" t="s">
        <v>3633</v>
      </c>
      <c r="XBI1" s="216" t="s">
        <v>3633</v>
      </c>
      <c r="XBJ1" s="216" t="s">
        <v>3633</v>
      </c>
      <c r="XBK1" s="216" t="s">
        <v>3633</v>
      </c>
      <c r="XBL1" s="216" t="s">
        <v>3633</v>
      </c>
      <c r="XBM1" s="216" t="s">
        <v>3633</v>
      </c>
      <c r="XBN1" s="216" t="s">
        <v>3633</v>
      </c>
      <c r="XBO1" s="216" t="s">
        <v>3633</v>
      </c>
      <c r="XBP1" s="216" t="s">
        <v>3633</v>
      </c>
      <c r="XBQ1" s="216" t="s">
        <v>3633</v>
      </c>
      <c r="XBR1" s="216" t="s">
        <v>3633</v>
      </c>
      <c r="XBS1" s="216" t="s">
        <v>3633</v>
      </c>
      <c r="XBT1" s="216" t="s">
        <v>3633</v>
      </c>
      <c r="XBU1" s="216" t="s">
        <v>3633</v>
      </c>
      <c r="XBV1" s="216" t="s">
        <v>3633</v>
      </c>
      <c r="XBW1" s="216" t="s">
        <v>3633</v>
      </c>
      <c r="XBX1" s="216" t="s">
        <v>3633</v>
      </c>
      <c r="XBY1" s="216" t="s">
        <v>3633</v>
      </c>
      <c r="XBZ1" s="216" t="s">
        <v>3633</v>
      </c>
      <c r="XCA1" s="216" t="s">
        <v>3633</v>
      </c>
      <c r="XCB1" s="216" t="s">
        <v>3633</v>
      </c>
      <c r="XCC1" s="216" t="s">
        <v>3633</v>
      </c>
      <c r="XCD1" s="216" t="s">
        <v>3633</v>
      </c>
      <c r="XCE1" s="216" t="s">
        <v>3633</v>
      </c>
      <c r="XCF1" s="216" t="s">
        <v>3633</v>
      </c>
      <c r="XCG1" s="216" t="s">
        <v>3633</v>
      </c>
      <c r="XCH1" s="216" t="s">
        <v>3633</v>
      </c>
      <c r="XCI1" s="216" t="s">
        <v>3633</v>
      </c>
      <c r="XCJ1" s="216" t="s">
        <v>3633</v>
      </c>
      <c r="XCK1" s="216" t="s">
        <v>3633</v>
      </c>
      <c r="XCL1" s="216" t="s">
        <v>3633</v>
      </c>
      <c r="XCM1" s="216" t="s">
        <v>3633</v>
      </c>
      <c r="XCN1" s="216" t="s">
        <v>3633</v>
      </c>
      <c r="XCO1" s="216" t="s">
        <v>3633</v>
      </c>
      <c r="XCP1" s="216" t="s">
        <v>3633</v>
      </c>
      <c r="XCQ1" s="216" t="s">
        <v>3633</v>
      </c>
      <c r="XCR1" s="216" t="s">
        <v>3633</v>
      </c>
      <c r="XCS1" s="216" t="s">
        <v>3633</v>
      </c>
      <c r="XCT1" s="216" t="s">
        <v>3633</v>
      </c>
      <c r="XCU1" s="216" t="s">
        <v>3633</v>
      </c>
      <c r="XCV1" s="216" t="s">
        <v>3633</v>
      </c>
      <c r="XCW1" s="216" t="s">
        <v>3633</v>
      </c>
      <c r="XCX1" s="216" t="s">
        <v>3633</v>
      </c>
      <c r="XCY1" s="216" t="s">
        <v>3633</v>
      </c>
      <c r="XCZ1" s="216" t="s">
        <v>3633</v>
      </c>
      <c r="XDA1" s="216" t="s">
        <v>3633</v>
      </c>
      <c r="XDB1" s="216" t="s">
        <v>3633</v>
      </c>
      <c r="XDC1" s="216" t="s">
        <v>3633</v>
      </c>
      <c r="XDD1" s="216" t="s">
        <v>3633</v>
      </c>
      <c r="XDE1" s="216" t="s">
        <v>3633</v>
      </c>
      <c r="XDF1" s="216" t="s">
        <v>3633</v>
      </c>
      <c r="XDG1" s="216" t="s">
        <v>3633</v>
      </c>
      <c r="XDH1" s="216" t="s">
        <v>3633</v>
      </c>
      <c r="XDI1" s="216" t="s">
        <v>3633</v>
      </c>
      <c r="XDJ1" s="216" t="s">
        <v>3633</v>
      </c>
      <c r="XDK1" s="216" t="s">
        <v>3633</v>
      </c>
      <c r="XDL1" s="216" t="s">
        <v>3633</v>
      </c>
      <c r="XDM1" s="216" t="s">
        <v>3633</v>
      </c>
      <c r="XDN1" s="216" t="s">
        <v>3633</v>
      </c>
      <c r="XDO1" s="216" t="s">
        <v>3633</v>
      </c>
      <c r="XDP1" s="216" t="s">
        <v>3633</v>
      </c>
      <c r="XDQ1" s="216" t="s">
        <v>3633</v>
      </c>
      <c r="XDR1" s="216" t="s">
        <v>3633</v>
      </c>
      <c r="XDS1" s="216" t="s">
        <v>3633</v>
      </c>
      <c r="XDT1" s="216" t="s">
        <v>3633</v>
      </c>
      <c r="XDU1" s="216" t="s">
        <v>3633</v>
      </c>
      <c r="XDV1" s="216" t="s">
        <v>3633</v>
      </c>
      <c r="XDW1" s="216" t="s">
        <v>3633</v>
      </c>
      <c r="XDX1" s="216" t="s">
        <v>3633</v>
      </c>
      <c r="XDY1" s="216" t="s">
        <v>3633</v>
      </c>
      <c r="XDZ1" s="216" t="s">
        <v>3633</v>
      </c>
      <c r="XEA1" s="216" t="s">
        <v>3633</v>
      </c>
      <c r="XEB1" s="216" t="s">
        <v>3633</v>
      </c>
      <c r="XEC1" s="216" t="s">
        <v>3633</v>
      </c>
      <c r="XED1" s="216" t="s">
        <v>3633</v>
      </c>
      <c r="XEE1" s="216" t="s">
        <v>3633</v>
      </c>
      <c r="XEF1" s="216" t="s">
        <v>3633</v>
      </c>
      <c r="XEG1" s="216" t="s">
        <v>3633</v>
      </c>
      <c r="XEH1" s="216" t="s">
        <v>3633</v>
      </c>
      <c r="XEI1" s="216" t="s">
        <v>3633</v>
      </c>
      <c r="XEJ1" s="216" t="s">
        <v>3633</v>
      </c>
      <c r="XEK1" s="216" t="s">
        <v>3633</v>
      </c>
      <c r="XEL1" s="216" t="s">
        <v>3633</v>
      </c>
      <c r="XEM1" s="216" t="s">
        <v>3633</v>
      </c>
      <c r="XEN1" s="216" t="s">
        <v>3633</v>
      </c>
      <c r="XEO1" s="216" t="s">
        <v>3633</v>
      </c>
      <c r="XEP1" s="216" t="s">
        <v>3633</v>
      </c>
      <c r="XEQ1" s="216" t="s">
        <v>3633</v>
      </c>
      <c r="XER1" s="216" t="s">
        <v>3633</v>
      </c>
      <c r="XES1" s="216" t="s">
        <v>3633</v>
      </c>
      <c r="XET1" s="216" t="s">
        <v>3633</v>
      </c>
      <c r="XEU1" s="216" t="s">
        <v>3633</v>
      </c>
      <c r="XEV1" s="216" t="s">
        <v>3633</v>
      </c>
      <c r="XEW1" s="216" t="s">
        <v>3633</v>
      </c>
      <c r="XEX1" s="216" t="s">
        <v>3633</v>
      </c>
      <c r="XEY1" s="216" t="s">
        <v>3633</v>
      </c>
      <c r="XEZ1" s="216" t="s">
        <v>3633</v>
      </c>
      <c r="XFA1" s="216" t="s">
        <v>3633</v>
      </c>
      <c r="XFB1" s="216" t="s">
        <v>3633</v>
      </c>
      <c r="XFC1" s="216" t="s">
        <v>3633</v>
      </c>
    </row>
    <row r="2" spans="1:16383" ht="43.5" customHeight="1" x14ac:dyDescent="0.25">
      <c r="A2" s="16" t="s">
        <v>0</v>
      </c>
      <c r="B2" s="16" t="s">
        <v>1</v>
      </c>
      <c r="C2" s="16" t="s">
        <v>2</v>
      </c>
      <c r="D2" s="17" t="s">
        <v>3</v>
      </c>
      <c r="E2" s="16" t="s">
        <v>4</v>
      </c>
    </row>
    <row r="3" spans="1:16383" s="37" customFormat="1" ht="28.5" x14ac:dyDescent="0.25">
      <c r="A3" s="156" t="s">
        <v>3441</v>
      </c>
      <c r="B3" s="157" t="s">
        <v>3442</v>
      </c>
      <c r="C3" s="158"/>
      <c r="D3" s="161"/>
      <c r="E3" s="158"/>
    </row>
    <row r="4" spans="1:16383" s="30" customFormat="1" ht="77.25" customHeight="1" x14ac:dyDescent="0.25">
      <c r="A4" s="27" t="s">
        <v>421</v>
      </c>
      <c r="B4" s="27" t="s">
        <v>422</v>
      </c>
      <c r="C4" s="26" t="s">
        <v>2879</v>
      </c>
      <c r="D4" s="29" t="s">
        <v>57</v>
      </c>
      <c r="E4" s="27" t="s">
        <v>2691</v>
      </c>
    </row>
    <row r="5" spans="1:16383" s="30" customFormat="1" ht="69" customHeight="1" x14ac:dyDescent="0.25">
      <c r="A5" s="5" t="s">
        <v>424</v>
      </c>
      <c r="B5" s="5" t="s">
        <v>425</v>
      </c>
      <c r="C5" s="4" t="s">
        <v>426</v>
      </c>
      <c r="D5" s="21" t="s">
        <v>57</v>
      </c>
      <c r="E5" s="5" t="s">
        <v>2816</v>
      </c>
    </row>
    <row r="6" spans="1:16383" s="30" customFormat="1" ht="80.25" customHeight="1" x14ac:dyDescent="0.25">
      <c r="A6" s="5" t="s">
        <v>427</v>
      </c>
      <c r="B6" s="5" t="s">
        <v>428</v>
      </c>
      <c r="C6" s="4" t="s">
        <v>429</v>
      </c>
      <c r="D6" s="21" t="s">
        <v>57</v>
      </c>
      <c r="E6" s="4" t="s">
        <v>2817</v>
      </c>
    </row>
    <row r="7" spans="1:16383" s="30" customFormat="1" ht="72.75" customHeight="1" x14ac:dyDescent="0.25">
      <c r="A7" s="5" t="s">
        <v>430</v>
      </c>
      <c r="B7" s="5" t="s">
        <v>431</v>
      </c>
      <c r="C7" s="4" t="s">
        <v>457</v>
      </c>
      <c r="D7" s="5" t="s">
        <v>3214</v>
      </c>
      <c r="E7" s="5" t="s">
        <v>2664</v>
      </c>
    </row>
    <row r="8" spans="1:16383" s="30" customFormat="1" ht="38.25" customHeight="1" x14ac:dyDescent="0.25">
      <c r="A8" s="27" t="s">
        <v>432</v>
      </c>
      <c r="B8" s="27" t="s">
        <v>2897</v>
      </c>
      <c r="C8" s="26" t="s">
        <v>434</v>
      </c>
      <c r="D8" s="26" t="s">
        <v>2831</v>
      </c>
      <c r="E8" s="26" t="s">
        <v>2818</v>
      </c>
    </row>
    <row r="9" spans="1:16383" s="30" customFormat="1" ht="57" x14ac:dyDescent="0.25">
      <c r="A9" s="27" t="s">
        <v>435</v>
      </c>
      <c r="B9" s="27" t="s">
        <v>436</v>
      </c>
      <c r="C9" s="26" t="s">
        <v>2874</v>
      </c>
      <c r="D9" s="27" t="s">
        <v>3215</v>
      </c>
      <c r="E9" s="27" t="s">
        <v>2875</v>
      </c>
    </row>
    <row r="10" spans="1:16383" s="30" customFormat="1" ht="57" customHeight="1" x14ac:dyDescent="0.25">
      <c r="A10" s="5" t="s">
        <v>437</v>
      </c>
      <c r="B10" s="5" t="s">
        <v>438</v>
      </c>
      <c r="C10" s="4" t="s">
        <v>2685</v>
      </c>
      <c r="D10" s="5" t="s">
        <v>3216</v>
      </c>
      <c r="E10" s="5" t="s">
        <v>2664</v>
      </c>
    </row>
    <row r="11" spans="1:16383" s="30" customFormat="1" ht="66.75" customHeight="1" x14ac:dyDescent="0.25">
      <c r="A11" s="27" t="s">
        <v>439</v>
      </c>
      <c r="B11" s="27" t="s">
        <v>440</v>
      </c>
      <c r="C11" s="26" t="s">
        <v>441</v>
      </c>
      <c r="D11" s="27" t="s">
        <v>22</v>
      </c>
      <c r="E11" s="27" t="s">
        <v>2691</v>
      </c>
    </row>
    <row r="12" spans="1:16383" s="30" customFormat="1" ht="57" x14ac:dyDescent="0.25">
      <c r="A12" s="27" t="s">
        <v>3057</v>
      </c>
      <c r="B12" s="27" t="s">
        <v>3058</v>
      </c>
      <c r="C12" s="4" t="s">
        <v>3059</v>
      </c>
      <c r="D12" s="27" t="s">
        <v>2697</v>
      </c>
      <c r="E12" s="27" t="s">
        <v>3205</v>
      </c>
    </row>
    <row r="13" spans="1:16383" s="30" customFormat="1" ht="85.5" x14ac:dyDescent="0.25">
      <c r="A13" s="5" t="s">
        <v>442</v>
      </c>
      <c r="B13" s="5" t="s">
        <v>443</v>
      </c>
      <c r="C13" s="4" t="s">
        <v>444</v>
      </c>
      <c r="D13" s="5" t="s">
        <v>3214</v>
      </c>
      <c r="E13" s="5" t="s">
        <v>2664</v>
      </c>
    </row>
    <row r="14" spans="1:16383" s="30" customFormat="1" ht="57" x14ac:dyDescent="0.25">
      <c r="A14" s="5" t="s">
        <v>445</v>
      </c>
      <c r="B14" s="5" t="s">
        <v>446</v>
      </c>
      <c r="C14" s="4" t="s">
        <v>2686</v>
      </c>
      <c r="D14" s="12" t="s">
        <v>22</v>
      </c>
      <c r="E14" s="5" t="s">
        <v>2687</v>
      </c>
    </row>
    <row r="15" spans="1:16383" s="30" customFormat="1" ht="57" x14ac:dyDescent="0.25">
      <c r="A15" s="5" t="s">
        <v>447</v>
      </c>
      <c r="B15" s="5" t="s">
        <v>448</v>
      </c>
      <c r="C15" s="4" t="s">
        <v>449</v>
      </c>
      <c r="D15" s="12" t="s">
        <v>22</v>
      </c>
      <c r="E15" s="4" t="s">
        <v>2819</v>
      </c>
    </row>
    <row r="16" spans="1:16383" s="30" customFormat="1" ht="85.5" x14ac:dyDescent="0.25">
      <c r="A16" s="5" t="s">
        <v>450</v>
      </c>
      <c r="B16" s="5" t="s">
        <v>451</v>
      </c>
      <c r="C16" s="4" t="s">
        <v>2688</v>
      </c>
      <c r="D16" s="12" t="s">
        <v>22</v>
      </c>
      <c r="E16" s="4" t="s">
        <v>2689</v>
      </c>
    </row>
    <row r="17" spans="1:5" s="30" customFormat="1" ht="57" x14ac:dyDescent="0.25">
      <c r="A17" s="5" t="s">
        <v>452</v>
      </c>
      <c r="B17" s="5" t="s">
        <v>453</v>
      </c>
      <c r="C17" s="4" t="s">
        <v>2690</v>
      </c>
      <c r="D17" s="12" t="s">
        <v>22</v>
      </c>
      <c r="E17" s="4" t="s">
        <v>2691</v>
      </c>
    </row>
    <row r="18" spans="1:5" s="30" customFormat="1" ht="96" customHeight="1" x14ac:dyDescent="0.25">
      <c r="A18" s="5" t="s">
        <v>454</v>
      </c>
      <c r="B18" s="5" t="s">
        <v>455</v>
      </c>
      <c r="C18" s="4" t="s">
        <v>456</v>
      </c>
      <c r="D18" s="5" t="s">
        <v>3217</v>
      </c>
      <c r="E18" s="5" t="s">
        <v>2664</v>
      </c>
    </row>
    <row r="19" spans="1:5" s="30" customFormat="1" ht="84" customHeight="1" x14ac:dyDescent="0.25">
      <c r="A19" s="5" t="s">
        <v>458</v>
      </c>
      <c r="B19" s="5" t="s">
        <v>459</v>
      </c>
      <c r="C19" s="4" t="s">
        <v>460</v>
      </c>
      <c r="D19" s="5" t="s">
        <v>3217</v>
      </c>
      <c r="E19" s="5" t="s">
        <v>2664</v>
      </c>
    </row>
    <row r="20" spans="1:5" s="30" customFormat="1" ht="137.25" customHeight="1" x14ac:dyDescent="0.25">
      <c r="A20" s="5" t="s">
        <v>461</v>
      </c>
      <c r="B20" s="5" t="s">
        <v>462</v>
      </c>
      <c r="C20" s="4" t="s">
        <v>463</v>
      </c>
      <c r="D20" s="5" t="s">
        <v>3217</v>
      </c>
      <c r="E20" s="5" t="s">
        <v>2664</v>
      </c>
    </row>
    <row r="21" spans="1:5" s="30" customFormat="1" ht="128.25" x14ac:dyDescent="0.25">
      <c r="A21" s="5" t="s">
        <v>464</v>
      </c>
      <c r="B21" s="5" t="s">
        <v>465</v>
      </c>
      <c r="C21" s="4" t="s">
        <v>466</v>
      </c>
      <c r="D21" s="5" t="s">
        <v>3218</v>
      </c>
      <c r="E21" s="4" t="s">
        <v>2664</v>
      </c>
    </row>
    <row r="22" spans="1:5" s="30" customFormat="1" ht="99.75" x14ac:dyDescent="0.25">
      <c r="A22" s="5" t="s">
        <v>467</v>
      </c>
      <c r="B22" s="5" t="s">
        <v>468</v>
      </c>
      <c r="C22" s="4" t="s">
        <v>3213</v>
      </c>
      <c r="D22" s="5" t="s">
        <v>3219</v>
      </c>
      <c r="E22" s="5" t="s">
        <v>3204</v>
      </c>
    </row>
    <row r="23" spans="1:5" s="30" customFormat="1" ht="60.75" customHeight="1" x14ac:dyDescent="0.25">
      <c r="A23" s="5" t="s">
        <v>2662</v>
      </c>
      <c r="B23" s="5" t="s">
        <v>2878</v>
      </c>
      <c r="C23" s="4" t="s">
        <v>2663</v>
      </c>
      <c r="D23" s="4" t="s">
        <v>2842</v>
      </c>
      <c r="E23" s="5" t="s">
        <v>2695</v>
      </c>
    </row>
    <row r="24" spans="1:5" s="30" customFormat="1" ht="42.75" x14ac:dyDescent="0.25">
      <c r="A24" s="5" t="s">
        <v>469</v>
      </c>
      <c r="B24" s="5" t="s">
        <v>470</v>
      </c>
      <c r="C24" s="4" t="s">
        <v>2692</v>
      </c>
      <c r="D24" s="5" t="s">
        <v>22</v>
      </c>
      <c r="E24" s="5" t="s">
        <v>2693</v>
      </c>
    </row>
    <row r="25" spans="1:5" s="30" customFormat="1" ht="199.5" x14ac:dyDescent="0.25">
      <c r="A25" s="5" t="s">
        <v>970</v>
      </c>
      <c r="B25" s="5" t="s">
        <v>2877</v>
      </c>
      <c r="C25" s="4" t="s">
        <v>971</v>
      </c>
      <c r="D25" s="5" t="s">
        <v>3721</v>
      </c>
      <c r="E25" s="5" t="s">
        <v>973</v>
      </c>
    </row>
    <row r="26" spans="1:5" s="30" customFormat="1" ht="63" customHeight="1" x14ac:dyDescent="0.25">
      <c r="A26" s="27" t="s">
        <v>2637</v>
      </c>
      <c r="B26" s="27" t="s">
        <v>2876</v>
      </c>
      <c r="C26" s="26" t="s">
        <v>2880</v>
      </c>
      <c r="D26" s="27" t="s">
        <v>3216</v>
      </c>
      <c r="E26" s="27" t="s">
        <v>2664</v>
      </c>
    </row>
    <row r="27" spans="1:5" s="30" customFormat="1" ht="60.75" customHeight="1" x14ac:dyDescent="0.25">
      <c r="A27" s="5" t="s">
        <v>471</v>
      </c>
      <c r="B27" s="5" t="s">
        <v>472</v>
      </c>
      <c r="C27" s="4" t="s">
        <v>473</v>
      </c>
      <c r="D27" s="5" t="s">
        <v>3216</v>
      </c>
      <c r="E27" s="5" t="s">
        <v>2820</v>
      </c>
    </row>
    <row r="28" spans="1:5" s="30" customFormat="1" ht="163.5" customHeight="1" x14ac:dyDescent="0.25">
      <c r="A28" s="5" t="s">
        <v>474</v>
      </c>
      <c r="B28" s="5" t="s">
        <v>475</v>
      </c>
      <c r="C28" s="4" t="s">
        <v>476</v>
      </c>
      <c r="D28" s="5" t="s">
        <v>3216</v>
      </c>
      <c r="E28" s="5" t="s">
        <v>2664</v>
      </c>
    </row>
    <row r="29" spans="1:5" s="30" customFormat="1" ht="123.75" customHeight="1" x14ac:dyDescent="0.25">
      <c r="A29" s="5" t="s">
        <v>477</v>
      </c>
      <c r="B29" s="5" t="s">
        <v>478</v>
      </c>
      <c r="C29" s="4" t="s">
        <v>507</v>
      </c>
      <c r="D29" s="4" t="s">
        <v>2856</v>
      </c>
      <c r="E29" s="5" t="s">
        <v>2821</v>
      </c>
    </row>
    <row r="30" spans="1:5" s="30" customFormat="1" ht="62.25" customHeight="1" x14ac:dyDescent="0.25">
      <c r="A30" s="5" t="s">
        <v>479</v>
      </c>
      <c r="B30" s="5" t="s">
        <v>480</v>
      </c>
      <c r="C30" s="4" t="s">
        <v>481</v>
      </c>
      <c r="D30" s="5" t="s">
        <v>3216</v>
      </c>
      <c r="E30" s="5" t="s">
        <v>2664</v>
      </c>
    </row>
    <row r="31" spans="1:5" s="30" customFormat="1" ht="77.25" customHeight="1" x14ac:dyDescent="0.25">
      <c r="A31" s="5" t="s">
        <v>482</v>
      </c>
      <c r="B31" s="5" t="s">
        <v>2854</v>
      </c>
      <c r="C31" s="4" t="s">
        <v>484</v>
      </c>
      <c r="D31" s="4" t="s">
        <v>2855</v>
      </c>
      <c r="E31" s="5" t="s">
        <v>2201</v>
      </c>
    </row>
    <row r="32" spans="1:5" s="30" customFormat="1" ht="57" x14ac:dyDescent="0.25">
      <c r="A32" s="26" t="s">
        <v>486</v>
      </c>
      <c r="B32" s="26" t="s">
        <v>487</v>
      </c>
      <c r="C32" s="26" t="s">
        <v>488</v>
      </c>
      <c r="D32" s="26" t="s">
        <v>2860</v>
      </c>
      <c r="E32" s="27" t="s">
        <v>2201</v>
      </c>
    </row>
    <row r="33" spans="1:5" s="30" customFormat="1" ht="78.75" customHeight="1" x14ac:dyDescent="0.25">
      <c r="A33" s="4" t="s">
        <v>2857</v>
      </c>
      <c r="B33" s="4" t="s">
        <v>2858</v>
      </c>
      <c r="C33" s="4" t="s">
        <v>2859</v>
      </c>
      <c r="D33" s="5" t="s">
        <v>3220</v>
      </c>
      <c r="E33" s="5" t="s">
        <v>2861</v>
      </c>
    </row>
    <row r="34" spans="1:5" s="30" customFormat="1" ht="121.5" customHeight="1" x14ac:dyDescent="0.25">
      <c r="A34" s="5" t="s">
        <v>489</v>
      </c>
      <c r="B34" s="5" t="s">
        <v>2900</v>
      </c>
      <c r="C34" s="4" t="s">
        <v>490</v>
      </c>
      <c r="D34" s="5" t="s">
        <v>3220</v>
      </c>
      <c r="E34" s="5" t="s">
        <v>2822</v>
      </c>
    </row>
    <row r="35" spans="1:5" s="30" customFormat="1" ht="115.5" customHeight="1" x14ac:dyDescent="0.25">
      <c r="A35" s="5" t="s">
        <v>491</v>
      </c>
      <c r="B35" s="5" t="s">
        <v>492</v>
      </c>
      <c r="C35" s="4" t="s">
        <v>493</v>
      </c>
      <c r="D35" s="5" t="s">
        <v>3221</v>
      </c>
      <c r="E35" s="5" t="s">
        <v>2823</v>
      </c>
    </row>
    <row r="36" spans="1:5" s="30" customFormat="1" ht="68.25" customHeight="1" x14ac:dyDescent="0.25">
      <c r="A36" s="27" t="s">
        <v>494</v>
      </c>
      <c r="B36" s="27" t="s">
        <v>495</v>
      </c>
      <c r="C36" s="26" t="s">
        <v>2873</v>
      </c>
      <c r="D36" s="27" t="s">
        <v>3220</v>
      </c>
      <c r="E36" s="27" t="s">
        <v>2757</v>
      </c>
    </row>
    <row r="37" spans="1:5" s="30" customFormat="1" ht="70.5" customHeight="1" x14ac:dyDescent="0.25">
      <c r="A37" s="5" t="s">
        <v>497</v>
      </c>
      <c r="B37" s="5" t="s">
        <v>498</v>
      </c>
      <c r="C37" s="4" t="s">
        <v>499</v>
      </c>
      <c r="D37" s="4" t="s">
        <v>22</v>
      </c>
      <c r="E37" s="5" t="s">
        <v>2715</v>
      </c>
    </row>
    <row r="38" spans="1:5" s="30" customFormat="1" ht="90" customHeight="1" x14ac:dyDescent="0.25">
      <c r="A38" s="5" t="s">
        <v>500</v>
      </c>
      <c r="B38" s="5" t="s">
        <v>501</v>
      </c>
      <c r="C38" s="4" t="s">
        <v>502</v>
      </c>
      <c r="D38" s="4" t="s">
        <v>22</v>
      </c>
      <c r="E38" s="5" t="s">
        <v>2824</v>
      </c>
    </row>
    <row r="39" spans="1:5" s="30" customFormat="1" ht="90" customHeight="1" x14ac:dyDescent="0.25">
      <c r="A39" s="217" t="s">
        <v>3637</v>
      </c>
      <c r="B39" s="217" t="s">
        <v>3638</v>
      </c>
      <c r="C39" s="218"/>
      <c r="D39" s="218"/>
      <c r="E39" s="217"/>
    </row>
    <row r="40" spans="1:5" s="30" customFormat="1" ht="80.25" customHeight="1" x14ac:dyDescent="0.25">
      <c r="A40" s="19" t="s">
        <v>503</v>
      </c>
      <c r="B40" s="19" t="s">
        <v>504</v>
      </c>
      <c r="C40" s="136" t="s">
        <v>3298</v>
      </c>
      <c r="D40" s="138" t="s">
        <v>3222</v>
      </c>
      <c r="E40" s="137" t="s">
        <v>2825</v>
      </c>
    </row>
    <row r="41" spans="1:5" s="30" customFormat="1" ht="98.25" customHeight="1" x14ac:dyDescent="0.25">
      <c r="A41" s="5" t="s">
        <v>505</v>
      </c>
      <c r="B41" s="5" t="s">
        <v>2845</v>
      </c>
      <c r="C41" s="4" t="s">
        <v>2678</v>
      </c>
      <c r="D41" s="4" t="s">
        <v>3222</v>
      </c>
      <c r="E41" s="5" t="s">
        <v>2825</v>
      </c>
    </row>
    <row r="42" spans="1:5" s="30" customFormat="1" ht="71.25" x14ac:dyDescent="0.25">
      <c r="A42" s="5" t="s">
        <v>509</v>
      </c>
      <c r="B42" s="5" t="s">
        <v>2846</v>
      </c>
      <c r="C42" s="4" t="s">
        <v>2678</v>
      </c>
      <c r="D42" s="4" t="s">
        <v>3222</v>
      </c>
      <c r="E42" s="5" t="s">
        <v>2825</v>
      </c>
    </row>
    <row r="43" spans="1:5" s="30" customFormat="1" ht="71.25" x14ac:dyDescent="0.25">
      <c r="A43" s="5" t="s">
        <v>511</v>
      </c>
      <c r="B43" s="5" t="s">
        <v>512</v>
      </c>
      <c r="C43" s="4" t="s">
        <v>2678</v>
      </c>
      <c r="D43" s="4" t="s">
        <v>3222</v>
      </c>
      <c r="E43" s="5" t="s">
        <v>2826</v>
      </c>
    </row>
    <row r="44" spans="1:5" s="30" customFormat="1" ht="71.25" x14ac:dyDescent="0.25">
      <c r="A44" s="5" t="s">
        <v>513</v>
      </c>
      <c r="B44" s="5" t="s">
        <v>514</v>
      </c>
      <c r="C44" s="4" t="s">
        <v>2678</v>
      </c>
      <c r="D44" s="4" t="s">
        <v>3222</v>
      </c>
      <c r="E44" s="5" t="s">
        <v>3223</v>
      </c>
    </row>
    <row r="45" spans="1:5" s="30" customFormat="1" ht="71.25" x14ac:dyDescent="0.25">
      <c r="A45" s="5" t="s">
        <v>515</v>
      </c>
      <c r="B45" s="5" t="s">
        <v>2847</v>
      </c>
      <c r="C45" s="4" t="s">
        <v>2678</v>
      </c>
      <c r="D45" s="4" t="s">
        <v>3222</v>
      </c>
      <c r="E45" s="5" t="s">
        <v>2827</v>
      </c>
    </row>
    <row r="46" spans="1:5" s="30" customFormat="1" ht="71.25" x14ac:dyDescent="0.25">
      <c r="A46" s="5" t="s">
        <v>517</v>
      </c>
      <c r="B46" s="5" t="s">
        <v>518</v>
      </c>
      <c r="C46" s="4" t="s">
        <v>2678</v>
      </c>
      <c r="D46" s="4" t="s">
        <v>3222</v>
      </c>
      <c r="E46" s="5" t="s">
        <v>2828</v>
      </c>
    </row>
    <row r="47" spans="1:5" s="30" customFormat="1" ht="71.25" x14ac:dyDescent="0.25">
      <c r="A47" s="5" t="s">
        <v>519</v>
      </c>
      <c r="B47" s="5" t="s">
        <v>520</v>
      </c>
      <c r="C47" s="4" t="s">
        <v>2678</v>
      </c>
      <c r="D47" s="4" t="s">
        <v>3222</v>
      </c>
      <c r="E47" s="5" t="s">
        <v>2827</v>
      </c>
    </row>
    <row r="48" spans="1:5" s="30" customFormat="1" ht="71.25" x14ac:dyDescent="0.25">
      <c r="A48" s="5" t="s">
        <v>521</v>
      </c>
      <c r="B48" s="5" t="s">
        <v>522</v>
      </c>
      <c r="C48" s="4" t="s">
        <v>2678</v>
      </c>
      <c r="D48" s="4" t="s">
        <v>3222</v>
      </c>
      <c r="E48" s="5" t="s">
        <v>2827</v>
      </c>
    </row>
    <row r="49" spans="1:5" s="30" customFormat="1" ht="67.5" customHeight="1" x14ac:dyDescent="0.25">
      <c r="A49" s="5" t="s">
        <v>523</v>
      </c>
      <c r="B49" s="5" t="s">
        <v>524</v>
      </c>
      <c r="C49" s="4" t="s">
        <v>525</v>
      </c>
      <c r="D49" s="5" t="s">
        <v>3217</v>
      </c>
      <c r="E49" s="5" t="s">
        <v>2664</v>
      </c>
    </row>
    <row r="50" spans="1:5" s="30" customFormat="1" ht="42.75" x14ac:dyDescent="0.25">
      <c r="A50" s="5" t="s">
        <v>526</v>
      </c>
      <c r="B50" s="5" t="s">
        <v>527</v>
      </c>
      <c r="C50" s="4" t="s">
        <v>528</v>
      </c>
      <c r="D50" s="5" t="s">
        <v>3217</v>
      </c>
      <c r="E50" s="5" t="s">
        <v>2664</v>
      </c>
    </row>
    <row r="51" spans="1:5" s="30" customFormat="1" ht="57" x14ac:dyDescent="0.25">
      <c r="A51" s="5" t="s">
        <v>529</v>
      </c>
      <c r="B51" s="5" t="s">
        <v>530</v>
      </c>
      <c r="C51" s="4" t="s">
        <v>531</v>
      </c>
      <c r="D51" s="5" t="s">
        <v>3217</v>
      </c>
      <c r="E51" s="5" t="s">
        <v>2664</v>
      </c>
    </row>
    <row r="52" spans="1:5" s="30" customFormat="1" ht="57" x14ac:dyDescent="0.25">
      <c r="A52" s="5" t="s">
        <v>532</v>
      </c>
      <c r="B52" s="5" t="s">
        <v>533</v>
      </c>
      <c r="C52" s="4" t="s">
        <v>534</v>
      </c>
      <c r="D52" s="5" t="s">
        <v>3217</v>
      </c>
      <c r="E52" s="5" t="s">
        <v>2664</v>
      </c>
    </row>
    <row r="53" spans="1:5" s="30" customFormat="1" ht="71.25" x14ac:dyDescent="0.25">
      <c r="A53" s="5" t="s">
        <v>535</v>
      </c>
      <c r="B53" s="5" t="s">
        <v>536</v>
      </c>
      <c r="C53" s="4" t="s">
        <v>537</v>
      </c>
      <c r="D53" s="5" t="s">
        <v>3217</v>
      </c>
      <c r="E53" s="5" t="s">
        <v>2664</v>
      </c>
    </row>
    <row r="54" spans="1:5" s="30" customFormat="1" ht="99.75" x14ac:dyDescent="0.25">
      <c r="A54" s="5" t="s">
        <v>538</v>
      </c>
      <c r="B54" s="5" t="s">
        <v>539</v>
      </c>
      <c r="C54" s="4" t="s">
        <v>560</v>
      </c>
      <c r="D54" s="4" t="s">
        <v>22</v>
      </c>
      <c r="E54" s="5" t="s">
        <v>540</v>
      </c>
    </row>
    <row r="55" spans="1:5" s="30" customFormat="1" ht="57" x14ac:dyDescent="0.25">
      <c r="A55" s="5" t="s">
        <v>541</v>
      </c>
      <c r="B55" s="5" t="s">
        <v>561</v>
      </c>
      <c r="C55" s="4" t="s">
        <v>542</v>
      </c>
      <c r="D55" s="4" t="s">
        <v>543</v>
      </c>
      <c r="E55" s="5" t="s">
        <v>540</v>
      </c>
    </row>
    <row r="56" spans="1:5" s="30" customFormat="1" ht="313.5" x14ac:dyDescent="0.25">
      <c r="A56" s="5" t="s">
        <v>544</v>
      </c>
      <c r="B56" s="5" t="s">
        <v>545</v>
      </c>
      <c r="C56" s="4" t="s">
        <v>2848</v>
      </c>
      <c r="D56" s="5" t="s">
        <v>22</v>
      </c>
      <c r="E56" s="5" t="s">
        <v>540</v>
      </c>
    </row>
    <row r="57" spans="1:5" s="30" customFormat="1" ht="313.5" x14ac:dyDescent="0.25">
      <c r="A57" s="5" t="s">
        <v>546</v>
      </c>
      <c r="B57" s="5" t="s">
        <v>547</v>
      </c>
      <c r="C57" s="4" t="s">
        <v>2848</v>
      </c>
      <c r="D57" s="5" t="s">
        <v>22</v>
      </c>
      <c r="E57" s="5" t="s">
        <v>540</v>
      </c>
    </row>
    <row r="58" spans="1:5" s="30" customFormat="1" ht="99.75" x14ac:dyDescent="0.25">
      <c r="A58" s="5" t="s">
        <v>548</v>
      </c>
      <c r="B58" s="5" t="s">
        <v>549</v>
      </c>
      <c r="C58" s="4" t="s">
        <v>550</v>
      </c>
      <c r="D58" s="4" t="s">
        <v>551</v>
      </c>
      <c r="E58" s="5" t="s">
        <v>540</v>
      </c>
    </row>
    <row r="59" spans="1:5" s="30" customFormat="1" ht="313.5" x14ac:dyDescent="0.25">
      <c r="A59" s="5" t="s">
        <v>552</v>
      </c>
      <c r="B59" s="5" t="s">
        <v>553</v>
      </c>
      <c r="C59" s="4" t="s">
        <v>2848</v>
      </c>
      <c r="D59" s="4" t="s">
        <v>22</v>
      </c>
      <c r="E59" s="5" t="s">
        <v>540</v>
      </c>
    </row>
    <row r="60" spans="1:5" s="30" customFormat="1" ht="42.75" x14ac:dyDescent="0.25">
      <c r="A60" s="5" t="s">
        <v>554</v>
      </c>
      <c r="B60" s="5" t="s">
        <v>555</v>
      </c>
      <c r="C60" s="4" t="s">
        <v>2717</v>
      </c>
      <c r="D60" s="5" t="s">
        <v>22</v>
      </c>
      <c r="E60" s="5" t="s">
        <v>2691</v>
      </c>
    </row>
    <row r="61" spans="1:5" s="30" customFormat="1" ht="128.25" x14ac:dyDescent="0.25">
      <c r="A61" s="5" t="s">
        <v>556</v>
      </c>
      <c r="B61" s="5" t="s">
        <v>557</v>
      </c>
      <c r="C61" s="4" t="s">
        <v>2727</v>
      </c>
      <c r="D61" s="5" t="s">
        <v>22</v>
      </c>
      <c r="E61" s="5" t="s">
        <v>2691</v>
      </c>
    </row>
    <row r="62" spans="1:5" s="30" customFormat="1" ht="156.75" x14ac:dyDescent="0.25">
      <c r="A62" s="5" t="s">
        <v>558</v>
      </c>
      <c r="B62" s="5" t="s">
        <v>559</v>
      </c>
      <c r="C62" s="4" t="s">
        <v>2849</v>
      </c>
      <c r="D62" s="5" t="s">
        <v>22</v>
      </c>
      <c r="E62" s="5" t="s">
        <v>2691</v>
      </c>
    </row>
    <row r="63" spans="1:5" s="30" customFormat="1" ht="42.75" x14ac:dyDescent="0.25">
      <c r="A63" s="5" t="s">
        <v>562</v>
      </c>
      <c r="B63" s="5" t="s">
        <v>563</v>
      </c>
      <c r="C63" s="4" t="s">
        <v>564</v>
      </c>
      <c r="D63" s="12" t="s">
        <v>22</v>
      </c>
      <c r="E63" s="5" t="s">
        <v>2722</v>
      </c>
    </row>
    <row r="64" spans="1:5" s="30" customFormat="1" ht="57" x14ac:dyDescent="0.25">
      <c r="A64" s="5" t="s">
        <v>565</v>
      </c>
      <c r="B64" s="5" t="s">
        <v>566</v>
      </c>
      <c r="C64" s="4" t="s">
        <v>567</v>
      </c>
      <c r="D64" s="12" t="s">
        <v>22</v>
      </c>
      <c r="E64" s="5" t="s">
        <v>2722</v>
      </c>
    </row>
    <row r="65" spans="1:5" s="30" customFormat="1" ht="114" x14ac:dyDescent="0.25">
      <c r="A65" s="5" t="s">
        <v>568</v>
      </c>
      <c r="B65" s="5" t="s">
        <v>569</v>
      </c>
      <c r="C65" s="4" t="s">
        <v>570</v>
      </c>
      <c r="D65" s="21" t="s">
        <v>508</v>
      </c>
      <c r="E65" s="5" t="s">
        <v>2718</v>
      </c>
    </row>
    <row r="66" spans="1:5" s="30" customFormat="1" ht="71.25" x14ac:dyDescent="0.25">
      <c r="A66" s="5" t="s">
        <v>571</v>
      </c>
      <c r="B66" s="5" t="s">
        <v>572</v>
      </c>
      <c r="C66" s="4" t="s">
        <v>2719</v>
      </c>
      <c r="D66" s="21" t="s">
        <v>22</v>
      </c>
      <c r="E66" s="5" t="s">
        <v>3607</v>
      </c>
    </row>
    <row r="67" spans="1:5" s="30" customFormat="1" ht="99.75" x14ac:dyDescent="0.25">
      <c r="A67" s="5" t="s">
        <v>573</v>
      </c>
      <c r="B67" s="5" t="s">
        <v>574</v>
      </c>
      <c r="C67" s="4" t="s">
        <v>2843</v>
      </c>
      <c r="D67" s="21" t="s">
        <v>22</v>
      </c>
      <c r="E67" s="5" t="s">
        <v>2597</v>
      </c>
    </row>
    <row r="68" spans="1:5" s="30" customFormat="1" ht="71.25" x14ac:dyDescent="0.25">
      <c r="A68" s="5" t="s">
        <v>575</v>
      </c>
      <c r="B68" s="5" t="s">
        <v>576</v>
      </c>
      <c r="C68" s="4" t="s">
        <v>2850</v>
      </c>
      <c r="D68" s="21" t="s">
        <v>22</v>
      </c>
      <c r="E68" s="5" t="s">
        <v>2722</v>
      </c>
    </row>
    <row r="69" spans="1:5" s="30" customFormat="1" ht="85.5" x14ac:dyDescent="0.25">
      <c r="A69" s="5" t="s">
        <v>577</v>
      </c>
      <c r="B69" s="5" t="s">
        <v>578</v>
      </c>
      <c r="C69" s="4" t="s">
        <v>2683</v>
      </c>
      <c r="D69" s="21" t="s">
        <v>22</v>
      </c>
      <c r="E69" s="5" t="s">
        <v>2829</v>
      </c>
    </row>
    <row r="70" spans="1:5" s="30" customFormat="1" ht="171" x14ac:dyDescent="0.25">
      <c r="A70" s="5" t="s">
        <v>579</v>
      </c>
      <c r="B70" s="5" t="s">
        <v>580</v>
      </c>
      <c r="C70" s="4" t="s">
        <v>2898</v>
      </c>
      <c r="D70" s="21" t="s">
        <v>22</v>
      </c>
      <c r="E70" s="5" t="s">
        <v>2603</v>
      </c>
    </row>
    <row r="71" spans="1:5" s="30" customFormat="1" ht="57" x14ac:dyDescent="0.25">
      <c r="A71" s="5" t="s">
        <v>581</v>
      </c>
      <c r="B71" s="5" t="s">
        <v>582</v>
      </c>
      <c r="C71" s="4" t="s">
        <v>2851</v>
      </c>
      <c r="D71" s="12" t="s">
        <v>22</v>
      </c>
      <c r="E71" s="5" t="s">
        <v>2723</v>
      </c>
    </row>
    <row r="72" spans="1:5" s="30" customFormat="1" ht="57" x14ac:dyDescent="0.25">
      <c r="A72" s="5" t="s">
        <v>584</v>
      </c>
      <c r="B72" s="5" t="s">
        <v>2899</v>
      </c>
      <c r="C72" s="4" t="s">
        <v>585</v>
      </c>
      <c r="D72" s="5" t="s">
        <v>3224</v>
      </c>
      <c r="E72" s="5" t="s">
        <v>2722</v>
      </c>
    </row>
    <row r="73" spans="1:5" s="30" customFormat="1" ht="57" x14ac:dyDescent="0.25">
      <c r="A73" s="5" t="s">
        <v>586</v>
      </c>
      <c r="B73" s="5" t="s">
        <v>2852</v>
      </c>
      <c r="C73" s="4" t="s">
        <v>2724</v>
      </c>
      <c r="D73" s="21" t="s">
        <v>22</v>
      </c>
      <c r="E73" s="5" t="s">
        <v>2718</v>
      </c>
    </row>
    <row r="74" spans="1:5" s="30" customFormat="1" ht="57" x14ac:dyDescent="0.25">
      <c r="A74" s="5" t="s">
        <v>587</v>
      </c>
      <c r="B74" s="5" t="s">
        <v>588</v>
      </c>
      <c r="C74" s="4" t="s">
        <v>589</v>
      </c>
      <c r="D74" s="12" t="s">
        <v>22</v>
      </c>
      <c r="E74" s="5" t="s">
        <v>2722</v>
      </c>
    </row>
    <row r="75" spans="1:5" s="30" customFormat="1" ht="42.75" x14ac:dyDescent="0.25">
      <c r="A75" s="5" t="s">
        <v>3065</v>
      </c>
      <c r="B75" s="5" t="s">
        <v>3066</v>
      </c>
      <c r="C75" s="4" t="s">
        <v>3067</v>
      </c>
      <c r="D75" s="4" t="s">
        <v>3068</v>
      </c>
      <c r="E75" s="27" t="s">
        <v>2689</v>
      </c>
    </row>
    <row r="76" spans="1:5" ht="57" x14ac:dyDescent="0.25">
      <c r="A76" s="5" t="s">
        <v>590</v>
      </c>
      <c r="B76" s="5" t="s">
        <v>591</v>
      </c>
      <c r="C76" s="4" t="s">
        <v>592</v>
      </c>
      <c r="D76" s="5" t="s">
        <v>22</v>
      </c>
      <c r="E76" s="5" t="s">
        <v>2830</v>
      </c>
    </row>
    <row r="77" spans="1:5" ht="85.5" x14ac:dyDescent="0.25">
      <c r="A77" s="5" t="s">
        <v>593</v>
      </c>
      <c r="B77" s="5" t="s">
        <v>2665</v>
      </c>
      <c r="C77" s="4" t="s">
        <v>2853</v>
      </c>
      <c r="D77" s="5" t="s">
        <v>3217</v>
      </c>
      <c r="E77" s="5" t="s">
        <v>2664</v>
      </c>
    </row>
    <row r="78" spans="1:5" ht="85.5" x14ac:dyDescent="0.25">
      <c r="A78" s="27" t="s">
        <v>2862</v>
      </c>
      <c r="B78" s="27" t="s">
        <v>2863</v>
      </c>
      <c r="C78" s="26" t="s">
        <v>2864</v>
      </c>
      <c r="D78" s="27" t="s">
        <v>2865</v>
      </c>
      <c r="E78" s="27" t="s">
        <v>2689</v>
      </c>
    </row>
    <row r="79" spans="1:5" ht="71.25" x14ac:dyDescent="0.25">
      <c r="A79" s="27" t="s">
        <v>2866</v>
      </c>
      <c r="B79" s="27" t="s">
        <v>2867</v>
      </c>
      <c r="C79" s="26" t="s">
        <v>2868</v>
      </c>
      <c r="D79" s="27" t="s">
        <v>2869</v>
      </c>
      <c r="E79" s="27" t="s">
        <v>2689</v>
      </c>
    </row>
    <row r="80" spans="1:5" ht="99.75" x14ac:dyDescent="0.25">
      <c r="A80" s="27" t="s">
        <v>3069</v>
      </c>
      <c r="B80" s="27" t="s">
        <v>3070</v>
      </c>
      <c r="C80" s="5" t="s">
        <v>3073</v>
      </c>
      <c r="D80" s="27" t="s">
        <v>3076</v>
      </c>
      <c r="E80" s="27" t="s">
        <v>2689</v>
      </c>
    </row>
    <row r="81" spans="1:5" ht="42.75" x14ac:dyDescent="0.25">
      <c r="A81" s="27" t="s">
        <v>3071</v>
      </c>
      <c r="B81" s="27" t="s">
        <v>3072</v>
      </c>
      <c r="C81" s="27" t="s">
        <v>3077</v>
      </c>
      <c r="D81" s="27" t="s">
        <v>3076</v>
      </c>
      <c r="E81" s="27" t="s">
        <v>2689</v>
      </c>
    </row>
    <row r="82" spans="1:5" ht="85.5" x14ac:dyDescent="0.25">
      <c r="A82" s="221" t="s">
        <v>67</v>
      </c>
      <c r="B82" s="221" t="s">
        <v>68</v>
      </c>
      <c r="C82" s="223" t="s">
        <v>3074</v>
      </c>
      <c r="D82" s="223" t="s">
        <v>22</v>
      </c>
      <c r="E82" s="223" t="s">
        <v>3630</v>
      </c>
    </row>
    <row r="83" spans="1:5" s="233" customFormat="1" ht="114" x14ac:dyDescent="0.25">
      <c r="A83" s="44" t="s">
        <v>373</v>
      </c>
      <c r="B83" s="44" t="s">
        <v>374</v>
      </c>
      <c r="C83" s="232" t="s">
        <v>3698</v>
      </c>
      <c r="D83" s="230" t="s">
        <v>3699</v>
      </c>
      <c r="E83" s="44" t="s">
        <v>2741</v>
      </c>
    </row>
  </sheetData>
  <pageMargins left="0.7" right="0.7" top="0.75" bottom="0.75" header="0.3" footer="0.3"/>
  <pageSetup scale="53" fitToHeight="0" orientation="landscape" r:id="rId1"/>
  <headerFooter>
    <oddHeader xml:space="preserve">&amp;R&amp;"Verdana,Bold"Professional Services
</oddHeader>
    <oddFooter>&amp;C&amp;"Verdana,Bold"Page &amp;P of &amp;N</oddFooter>
  </headerFooter>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pageSetUpPr fitToPage="1"/>
  </sheetPr>
  <dimension ref="A1:F25"/>
  <sheetViews>
    <sheetView zoomScale="85" zoomScaleNormal="85" workbookViewId="0">
      <pane ySplit="2" topLeftCell="A3" activePane="bottomLeft" state="frozen"/>
      <selection pane="bottomLeft" activeCell="A2" sqref="A2"/>
    </sheetView>
  </sheetViews>
  <sheetFormatPr defaultColWidth="9.140625" defaultRowHeight="14.25" x14ac:dyDescent="0.25"/>
  <cols>
    <col min="1" max="1" width="15.28515625" style="135" bestFit="1" customWidth="1"/>
    <col min="2" max="2" width="40.5703125" style="135" bestFit="1" customWidth="1"/>
    <col min="3" max="3" width="61.42578125" style="135" customWidth="1"/>
    <col min="4" max="4" width="35" style="135" bestFit="1" customWidth="1"/>
    <col min="5" max="5" width="57.7109375" style="135" customWidth="1"/>
    <col min="6" max="16384" width="9.140625" style="13"/>
  </cols>
  <sheetData>
    <row r="1" spans="1:5" ht="15" x14ac:dyDescent="0.25">
      <c r="A1" s="216" t="s">
        <v>3635</v>
      </c>
    </row>
    <row r="2" spans="1:5" s="18" customFormat="1" ht="43.5" customHeight="1" x14ac:dyDescent="0.25">
      <c r="A2" s="16" t="s">
        <v>0</v>
      </c>
      <c r="B2" s="16" t="s">
        <v>1</v>
      </c>
      <c r="C2" s="16" t="s">
        <v>2</v>
      </c>
      <c r="D2" s="17" t="s">
        <v>3</v>
      </c>
      <c r="E2" s="16" t="s">
        <v>4</v>
      </c>
    </row>
    <row r="3" spans="1:5" s="37" customFormat="1" ht="74.25" customHeight="1" x14ac:dyDescent="0.25">
      <c r="A3" s="142" t="s">
        <v>3308</v>
      </c>
      <c r="B3" s="143" t="s">
        <v>3309</v>
      </c>
      <c r="C3" s="144" t="s">
        <v>3310</v>
      </c>
      <c r="D3" s="141" t="s">
        <v>22</v>
      </c>
      <c r="E3" s="145" t="s">
        <v>3311</v>
      </c>
    </row>
    <row r="4" spans="1:5" s="18" customFormat="1" ht="99.75" x14ac:dyDescent="0.25">
      <c r="A4" s="130" t="s">
        <v>595</v>
      </c>
      <c r="B4" s="130" t="s">
        <v>596</v>
      </c>
      <c r="C4" s="130" t="s">
        <v>2639</v>
      </c>
      <c r="D4" s="130" t="s">
        <v>22</v>
      </c>
      <c r="E4" s="130" t="s">
        <v>1690</v>
      </c>
    </row>
    <row r="5" spans="1:5" s="18" customFormat="1" ht="99.75" x14ac:dyDescent="0.25">
      <c r="A5" s="130" t="s">
        <v>597</v>
      </c>
      <c r="B5" s="130" t="s">
        <v>2652</v>
      </c>
      <c r="C5" s="130" t="s">
        <v>2639</v>
      </c>
      <c r="D5" s="130" t="s">
        <v>22</v>
      </c>
      <c r="E5" s="130" t="s">
        <v>1690</v>
      </c>
    </row>
    <row r="6" spans="1:5" s="18" customFormat="1" ht="99.75" x14ac:dyDescent="0.25">
      <c r="A6" s="130" t="s">
        <v>599</v>
      </c>
      <c r="B6" s="130" t="s">
        <v>2653</v>
      </c>
      <c r="C6" s="130" t="s">
        <v>2639</v>
      </c>
      <c r="D6" s="130" t="s">
        <v>22</v>
      </c>
      <c r="E6" s="130" t="s">
        <v>1690</v>
      </c>
    </row>
    <row r="7" spans="1:5" s="18" customFormat="1" ht="99.75" x14ac:dyDescent="0.25">
      <c r="A7" s="130" t="s">
        <v>600</v>
      </c>
      <c r="B7" s="130" t="s">
        <v>2654</v>
      </c>
      <c r="C7" s="130" t="s">
        <v>2639</v>
      </c>
      <c r="D7" s="130" t="s">
        <v>22</v>
      </c>
      <c r="E7" s="130" t="s">
        <v>1690</v>
      </c>
    </row>
    <row r="8" spans="1:5" s="18" customFormat="1" ht="99.75" x14ac:dyDescent="0.25">
      <c r="A8" s="130" t="s">
        <v>601</v>
      </c>
      <c r="B8" s="130" t="s">
        <v>2655</v>
      </c>
      <c r="C8" s="130" t="s">
        <v>2639</v>
      </c>
      <c r="D8" s="130" t="s">
        <v>22</v>
      </c>
      <c r="E8" s="130" t="s">
        <v>1690</v>
      </c>
    </row>
    <row r="9" spans="1:5" s="18" customFormat="1" ht="131.25" customHeight="1" x14ac:dyDescent="0.25">
      <c r="A9" s="130" t="s">
        <v>602</v>
      </c>
      <c r="B9" s="130" t="s">
        <v>603</v>
      </c>
      <c r="C9" s="130" t="s">
        <v>2639</v>
      </c>
      <c r="D9" s="130" t="s">
        <v>22</v>
      </c>
      <c r="E9" s="130" t="s">
        <v>1690</v>
      </c>
    </row>
    <row r="10" spans="1:5" ht="126.75" customHeight="1" x14ac:dyDescent="0.25">
      <c r="A10" s="75" t="s">
        <v>604</v>
      </c>
      <c r="B10" s="75" t="s">
        <v>2656</v>
      </c>
      <c r="C10" s="75" t="s">
        <v>2639</v>
      </c>
      <c r="D10" s="75" t="s">
        <v>22</v>
      </c>
      <c r="E10" s="75" t="s">
        <v>1690</v>
      </c>
    </row>
    <row r="11" spans="1:5" ht="134.25" customHeight="1" x14ac:dyDescent="0.25">
      <c r="A11" s="75" t="s">
        <v>605</v>
      </c>
      <c r="B11" s="75" t="s">
        <v>606</v>
      </c>
      <c r="C11" s="75" t="s">
        <v>2640</v>
      </c>
      <c r="D11" s="75" t="s">
        <v>22</v>
      </c>
      <c r="E11" s="75" t="s">
        <v>1692</v>
      </c>
    </row>
    <row r="12" spans="1:5" x14ac:dyDescent="0.25">
      <c r="A12" s="75" t="s">
        <v>977</v>
      </c>
      <c r="B12" s="75"/>
      <c r="C12" s="75"/>
      <c r="D12" s="75"/>
      <c r="E12" s="75"/>
    </row>
    <row r="13" spans="1:5" ht="78.75" customHeight="1" x14ac:dyDescent="0.25">
      <c r="A13" s="75" t="s">
        <v>607</v>
      </c>
      <c r="B13" s="75" t="s">
        <v>2628</v>
      </c>
      <c r="C13" s="75" t="s">
        <v>2644</v>
      </c>
      <c r="D13" s="75" t="s">
        <v>22</v>
      </c>
      <c r="E13" s="75" t="s">
        <v>2836</v>
      </c>
    </row>
    <row r="14" spans="1:5" ht="58.5" customHeight="1" x14ac:dyDescent="0.25">
      <c r="A14" s="75" t="s">
        <v>2624</v>
      </c>
      <c r="B14" s="75" t="s">
        <v>2626</v>
      </c>
      <c r="C14" s="75" t="s">
        <v>2844</v>
      </c>
      <c r="D14" s="75" t="s">
        <v>22</v>
      </c>
      <c r="E14" s="75" t="s">
        <v>2836</v>
      </c>
    </row>
    <row r="15" spans="1:5" ht="57" customHeight="1" x14ac:dyDescent="0.25">
      <c r="A15" s="75" t="s">
        <v>2625</v>
      </c>
      <c r="B15" s="75" t="s">
        <v>2627</v>
      </c>
      <c r="C15" s="75" t="s">
        <v>2657</v>
      </c>
      <c r="D15" s="75" t="s">
        <v>22</v>
      </c>
      <c r="E15" s="75" t="s">
        <v>2836</v>
      </c>
    </row>
    <row r="16" spans="1:5" ht="139.5" customHeight="1" x14ac:dyDescent="0.25">
      <c r="A16" s="75" t="s">
        <v>609</v>
      </c>
      <c r="B16" s="75" t="s">
        <v>610</v>
      </c>
      <c r="C16" s="75" t="s">
        <v>2645</v>
      </c>
      <c r="D16" s="75" t="s">
        <v>22</v>
      </c>
      <c r="E16" s="75" t="s">
        <v>2836</v>
      </c>
    </row>
    <row r="17" spans="1:6" ht="67.5" customHeight="1" x14ac:dyDescent="0.25">
      <c r="A17" s="75" t="s">
        <v>611</v>
      </c>
      <c r="B17" s="75" t="s">
        <v>2658</v>
      </c>
      <c r="C17" s="75" t="s">
        <v>2647</v>
      </c>
      <c r="D17" s="75" t="s">
        <v>22</v>
      </c>
      <c r="E17" s="75" t="s">
        <v>2836</v>
      </c>
    </row>
    <row r="18" spans="1:6" ht="70.5" customHeight="1" x14ac:dyDescent="0.25">
      <c r="A18" s="75" t="s">
        <v>612</v>
      </c>
      <c r="B18" s="75" t="s">
        <v>2659</v>
      </c>
      <c r="C18" s="75" t="s">
        <v>2648</v>
      </c>
      <c r="D18" s="75" t="s">
        <v>22</v>
      </c>
      <c r="E18" s="75" t="s">
        <v>2836</v>
      </c>
    </row>
    <row r="19" spans="1:6" ht="57.75" customHeight="1" x14ac:dyDescent="0.25">
      <c r="A19" s="75" t="s">
        <v>613</v>
      </c>
      <c r="B19" s="75" t="s">
        <v>2660</v>
      </c>
      <c r="C19" s="75" t="s">
        <v>2649</v>
      </c>
      <c r="D19" s="75" t="s">
        <v>22</v>
      </c>
      <c r="E19" s="75" t="s">
        <v>2836</v>
      </c>
    </row>
    <row r="20" spans="1:6" ht="56.25" customHeight="1" x14ac:dyDescent="0.25">
      <c r="A20" s="75" t="s">
        <v>614</v>
      </c>
      <c r="B20" s="75" t="s">
        <v>615</v>
      </c>
      <c r="C20" s="75" t="s">
        <v>2650</v>
      </c>
      <c r="D20" s="75" t="s">
        <v>22</v>
      </c>
      <c r="E20" s="75" t="s">
        <v>1718</v>
      </c>
    </row>
    <row r="21" spans="1:6" ht="121.5" customHeight="1" x14ac:dyDescent="0.25">
      <c r="A21" s="75" t="s">
        <v>616</v>
      </c>
      <c r="B21" s="75" t="s">
        <v>617</v>
      </c>
      <c r="C21" s="75" t="s">
        <v>2729</v>
      </c>
      <c r="D21" s="75" t="s">
        <v>2841</v>
      </c>
      <c r="E21" s="75" t="s">
        <v>2839</v>
      </c>
      <c r="F21" s="14"/>
    </row>
    <row r="22" spans="1:6" ht="90.75" customHeight="1" x14ac:dyDescent="0.25">
      <c r="A22" s="75" t="s">
        <v>618</v>
      </c>
      <c r="B22" s="75" t="s">
        <v>619</v>
      </c>
      <c r="C22" s="75" t="s">
        <v>620</v>
      </c>
      <c r="D22" s="75" t="s">
        <v>2841</v>
      </c>
      <c r="E22" s="75" t="s">
        <v>2840</v>
      </c>
    </row>
    <row r="23" spans="1:6" ht="90" customHeight="1" x14ac:dyDescent="0.25">
      <c r="A23" s="75" t="s">
        <v>621</v>
      </c>
      <c r="B23" s="75" t="s">
        <v>622</v>
      </c>
      <c r="C23" s="75" t="s">
        <v>623</v>
      </c>
      <c r="D23" s="75" t="s">
        <v>22</v>
      </c>
      <c r="E23" s="75" t="s">
        <v>2837</v>
      </c>
    </row>
    <row r="24" spans="1:6" ht="61.5" customHeight="1" x14ac:dyDescent="0.25">
      <c r="A24" s="75" t="s">
        <v>624</v>
      </c>
      <c r="B24" s="75" t="s">
        <v>625</v>
      </c>
      <c r="C24" s="75" t="s">
        <v>2642</v>
      </c>
      <c r="D24" s="75" t="s">
        <v>22</v>
      </c>
      <c r="E24" s="75" t="s">
        <v>1800</v>
      </c>
    </row>
    <row r="25" spans="1:6" ht="57" x14ac:dyDescent="0.25">
      <c r="A25" s="75" t="s">
        <v>626</v>
      </c>
      <c r="B25" s="75" t="s">
        <v>627</v>
      </c>
      <c r="C25" s="75" t="s">
        <v>2643</v>
      </c>
      <c r="D25" s="75" t="s">
        <v>22</v>
      </c>
      <c r="E25" s="75" t="s">
        <v>2838</v>
      </c>
    </row>
  </sheetData>
  <pageMargins left="0.7" right="0.7" top="0.75" bottom="0.75" header="0.3" footer="0.3"/>
  <pageSetup scale="56" fitToHeight="0" orientation="landscape" r:id="rId1"/>
  <headerFooter>
    <oddHeader>&amp;R&amp;"Verdana,Bold"Truckers &amp; Transportation</oddHeader>
    <oddFooter>&amp;C&amp;"Verdana,Bold"Page &amp;P of &amp;N</oddFoot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pageSetUpPr fitToPage="1"/>
  </sheetPr>
  <dimension ref="A1:F1691"/>
  <sheetViews>
    <sheetView zoomScale="90" zoomScaleNormal="90" workbookViewId="0">
      <pane ySplit="1" topLeftCell="A146" activePane="bottomLeft" state="frozen"/>
      <selection pane="bottomLeft" activeCell="D153" sqref="D153"/>
    </sheetView>
  </sheetViews>
  <sheetFormatPr defaultColWidth="9.140625" defaultRowHeight="15" x14ac:dyDescent="0.25"/>
  <cols>
    <col min="1" max="1" width="13.7109375" style="12" bestFit="1" customWidth="1"/>
    <col min="2" max="2" width="43.28515625" style="99" customWidth="1"/>
    <col min="3" max="3" width="61.28515625" style="4" customWidth="1"/>
    <col min="4" max="4" width="43.85546875" style="59" customWidth="1"/>
    <col min="5" max="5" width="45.7109375" style="111" customWidth="1"/>
    <col min="6" max="6" width="9.140625" style="37"/>
    <col min="7" max="7" width="93.140625" style="37" bestFit="1" customWidth="1"/>
    <col min="8" max="16384" width="9.140625" style="37"/>
  </cols>
  <sheetData>
    <row r="1" spans="1:5" ht="28.5" x14ac:dyDescent="0.25">
      <c r="A1" s="36" t="s">
        <v>0</v>
      </c>
      <c r="B1" s="98" t="s">
        <v>1</v>
      </c>
      <c r="C1" s="36" t="s">
        <v>2</v>
      </c>
      <c r="D1" s="58" t="s">
        <v>3</v>
      </c>
      <c r="E1" s="50" t="s">
        <v>4</v>
      </c>
    </row>
    <row r="2" spans="1:5" x14ac:dyDescent="0.25">
      <c r="A2" s="264" t="s">
        <v>2623</v>
      </c>
      <c r="B2" s="265"/>
      <c r="C2" s="265"/>
      <c r="D2" s="265"/>
      <c r="E2" s="266"/>
    </row>
    <row r="3" spans="1:5" ht="240.75" customHeight="1" x14ac:dyDescent="0.25">
      <c r="A3" s="12" t="s">
        <v>780</v>
      </c>
      <c r="B3" s="99" t="s">
        <v>781</v>
      </c>
      <c r="C3" s="4" t="s">
        <v>782</v>
      </c>
      <c r="D3" s="59" t="s">
        <v>22</v>
      </c>
      <c r="E3" s="51" t="s">
        <v>3182</v>
      </c>
    </row>
    <row r="4" spans="1:5" ht="125.25" customHeight="1" x14ac:dyDescent="0.25">
      <c r="A4" s="5" t="s">
        <v>783</v>
      </c>
      <c r="B4" s="100" t="s">
        <v>784</v>
      </c>
      <c r="C4" s="4" t="s">
        <v>785</v>
      </c>
      <c r="D4" s="60" t="s">
        <v>22</v>
      </c>
      <c r="E4" s="113" t="s">
        <v>3183</v>
      </c>
    </row>
    <row r="5" spans="1:5" ht="42.75" x14ac:dyDescent="0.25">
      <c r="A5" s="5" t="s">
        <v>787</v>
      </c>
      <c r="B5" s="100" t="s">
        <v>788</v>
      </c>
      <c r="C5" s="4" t="s">
        <v>789</v>
      </c>
      <c r="D5" s="59" t="s">
        <v>22</v>
      </c>
      <c r="E5" s="113" t="s">
        <v>3091</v>
      </c>
    </row>
    <row r="6" spans="1:5" ht="142.5" customHeight="1" x14ac:dyDescent="0.25">
      <c r="A6" s="5" t="s">
        <v>790</v>
      </c>
      <c r="B6" s="100" t="s">
        <v>791</v>
      </c>
      <c r="C6" s="4" t="s">
        <v>792</v>
      </c>
      <c r="D6" s="60" t="s">
        <v>22</v>
      </c>
      <c r="E6" s="52" t="s">
        <v>3184</v>
      </c>
    </row>
    <row r="7" spans="1:5" ht="99" customHeight="1" x14ac:dyDescent="0.25">
      <c r="A7" s="5" t="s">
        <v>793</v>
      </c>
      <c r="B7" s="100" t="s">
        <v>794</v>
      </c>
      <c r="C7" s="4" t="s">
        <v>795</v>
      </c>
      <c r="D7" s="60" t="s">
        <v>22</v>
      </c>
      <c r="E7" s="113" t="s">
        <v>3080</v>
      </c>
    </row>
    <row r="8" spans="1:5" ht="28.5" x14ac:dyDescent="0.25">
      <c r="A8" s="5" t="s">
        <v>796</v>
      </c>
      <c r="B8" s="100" t="s">
        <v>797</v>
      </c>
      <c r="C8" s="4" t="s">
        <v>2919</v>
      </c>
      <c r="D8" s="59" t="s">
        <v>22</v>
      </c>
      <c r="E8" s="113" t="s">
        <v>786</v>
      </c>
    </row>
    <row r="9" spans="1:5" x14ac:dyDescent="0.25">
      <c r="A9" s="264" t="s">
        <v>798</v>
      </c>
      <c r="B9" s="265"/>
      <c r="C9" s="265"/>
      <c r="D9" s="265"/>
      <c r="E9" s="266"/>
    </row>
    <row r="10" spans="1:5" ht="88.5" customHeight="1" x14ac:dyDescent="0.25">
      <c r="A10" s="5" t="s">
        <v>799</v>
      </c>
      <c r="B10" s="100" t="s">
        <v>800</v>
      </c>
      <c r="C10" s="4" t="s">
        <v>801</v>
      </c>
      <c r="D10" s="60" t="s">
        <v>22</v>
      </c>
      <c r="E10" s="52" t="s">
        <v>3185</v>
      </c>
    </row>
    <row r="11" spans="1:5" ht="28.5" x14ac:dyDescent="0.25">
      <c r="A11" s="5" t="s">
        <v>802</v>
      </c>
      <c r="B11" s="100" t="s">
        <v>803</v>
      </c>
      <c r="C11" s="4" t="s">
        <v>804</v>
      </c>
      <c r="D11" s="59" t="s">
        <v>22</v>
      </c>
      <c r="E11" s="113" t="s">
        <v>3092</v>
      </c>
    </row>
    <row r="12" spans="1:5" ht="80.25" customHeight="1" x14ac:dyDescent="0.25">
      <c r="A12" s="5" t="s">
        <v>805</v>
      </c>
      <c r="B12" s="100" t="s">
        <v>806</v>
      </c>
      <c r="C12" s="4" t="s">
        <v>807</v>
      </c>
      <c r="D12" s="60" t="s">
        <v>22</v>
      </c>
      <c r="E12" s="52" t="s">
        <v>3186</v>
      </c>
    </row>
    <row r="13" spans="1:5" ht="51" x14ac:dyDescent="0.25">
      <c r="A13" s="5" t="s">
        <v>808</v>
      </c>
      <c r="B13" s="100" t="s">
        <v>809</v>
      </c>
      <c r="C13" s="4" t="s">
        <v>810</v>
      </c>
      <c r="D13" s="60" t="s">
        <v>22</v>
      </c>
      <c r="E13" s="52" t="s">
        <v>3187</v>
      </c>
    </row>
    <row r="14" spans="1:5" ht="71.25" x14ac:dyDescent="0.25">
      <c r="A14" s="5" t="s">
        <v>811</v>
      </c>
      <c r="B14" s="100" t="s">
        <v>812</v>
      </c>
      <c r="C14" s="4" t="s">
        <v>813</v>
      </c>
      <c r="D14" s="59" t="s">
        <v>22</v>
      </c>
      <c r="E14" s="113" t="s">
        <v>3081</v>
      </c>
    </row>
    <row r="15" spans="1:5" x14ac:dyDescent="0.25">
      <c r="A15" s="304" t="s">
        <v>814</v>
      </c>
      <c r="B15" s="305"/>
      <c r="C15" s="305"/>
      <c r="D15" s="305"/>
      <c r="E15" s="306"/>
    </row>
    <row r="16" spans="1:5" ht="57" x14ac:dyDescent="0.25">
      <c r="A16" s="5" t="s">
        <v>815</v>
      </c>
      <c r="B16" s="100" t="s">
        <v>816</v>
      </c>
      <c r="C16" s="4" t="s">
        <v>817</v>
      </c>
      <c r="D16" s="59" t="s">
        <v>22</v>
      </c>
      <c r="E16" s="113" t="s">
        <v>3093</v>
      </c>
    </row>
    <row r="17" spans="1:5" ht="93" customHeight="1" x14ac:dyDescent="0.25">
      <c r="A17" s="5" t="s">
        <v>818</v>
      </c>
      <c r="B17" s="100" t="s">
        <v>819</v>
      </c>
      <c r="C17" s="4" t="s">
        <v>820</v>
      </c>
      <c r="D17" s="60" t="s">
        <v>22</v>
      </c>
      <c r="E17" s="52" t="s">
        <v>3202</v>
      </c>
    </row>
    <row r="18" spans="1:5" ht="89.25" customHeight="1" x14ac:dyDescent="0.25">
      <c r="A18" s="5" t="s">
        <v>821</v>
      </c>
      <c r="B18" s="100" t="s">
        <v>822</v>
      </c>
      <c r="C18" s="4" t="s">
        <v>823</v>
      </c>
      <c r="D18" s="60" t="s">
        <v>22</v>
      </c>
      <c r="E18" s="113" t="s">
        <v>3094</v>
      </c>
    </row>
    <row r="19" spans="1:5" ht="76.5" x14ac:dyDescent="0.25">
      <c r="A19" s="5" t="s">
        <v>824</v>
      </c>
      <c r="B19" s="100" t="s">
        <v>825</v>
      </c>
      <c r="C19" s="4" t="s">
        <v>826</v>
      </c>
      <c r="D19" s="60" t="s">
        <v>22</v>
      </c>
      <c r="E19" s="52" t="s">
        <v>3188</v>
      </c>
    </row>
    <row r="20" spans="1:5" ht="28.5" x14ac:dyDescent="0.25">
      <c r="A20" s="5" t="s">
        <v>827</v>
      </c>
      <c r="B20" s="100" t="s">
        <v>828</v>
      </c>
      <c r="C20" s="4" t="s">
        <v>2920</v>
      </c>
      <c r="D20" s="60" t="s">
        <v>22</v>
      </c>
      <c r="E20" s="113"/>
    </row>
    <row r="21" spans="1:5" ht="38.25" x14ac:dyDescent="0.25">
      <c r="A21" s="5" t="s">
        <v>829</v>
      </c>
      <c r="B21" s="100" t="s">
        <v>830</v>
      </c>
      <c r="C21" s="4" t="s">
        <v>2921</v>
      </c>
      <c r="D21" s="60" t="s">
        <v>22</v>
      </c>
      <c r="E21" s="52" t="s">
        <v>3189</v>
      </c>
    </row>
    <row r="22" spans="1:5" ht="57.75" customHeight="1" x14ac:dyDescent="0.25">
      <c r="A22" s="5" t="s">
        <v>831</v>
      </c>
      <c r="B22" s="100" t="s">
        <v>832</v>
      </c>
      <c r="C22" s="4" t="s">
        <v>833</v>
      </c>
      <c r="D22" s="59" t="s">
        <v>3201</v>
      </c>
      <c r="E22" s="113" t="s">
        <v>3190</v>
      </c>
    </row>
    <row r="23" spans="1:5" ht="28.5" x14ac:dyDescent="0.25">
      <c r="A23" s="5" t="s">
        <v>834</v>
      </c>
      <c r="B23" s="100" t="s">
        <v>835</v>
      </c>
      <c r="C23" s="4" t="s">
        <v>836</v>
      </c>
      <c r="D23" s="59" t="s">
        <v>3724</v>
      </c>
      <c r="E23" s="113" t="s">
        <v>118</v>
      </c>
    </row>
    <row r="24" spans="1:5" x14ac:dyDescent="0.25">
      <c r="A24" s="264" t="s">
        <v>837</v>
      </c>
      <c r="B24" s="265"/>
      <c r="C24" s="265"/>
      <c r="D24" s="265"/>
      <c r="E24" s="266"/>
    </row>
    <row r="25" spans="1:5" ht="42.75" x14ac:dyDescent="0.25">
      <c r="A25" s="5" t="s">
        <v>838</v>
      </c>
      <c r="B25" s="100" t="s">
        <v>839</v>
      </c>
      <c r="C25" s="4" t="s">
        <v>840</v>
      </c>
      <c r="D25" s="60" t="s">
        <v>22</v>
      </c>
      <c r="E25" s="113" t="s">
        <v>3191</v>
      </c>
    </row>
    <row r="26" spans="1:5" ht="42.75" x14ac:dyDescent="0.25">
      <c r="A26" s="5" t="s">
        <v>841</v>
      </c>
      <c r="B26" s="100" t="s">
        <v>842</v>
      </c>
      <c r="C26" s="4" t="s">
        <v>843</v>
      </c>
      <c r="D26" s="60" t="s">
        <v>22</v>
      </c>
      <c r="E26" s="113" t="s">
        <v>3192</v>
      </c>
    </row>
    <row r="27" spans="1:5" ht="28.5" x14ac:dyDescent="0.25">
      <c r="A27" s="5" t="s">
        <v>844</v>
      </c>
      <c r="B27" s="100" t="s">
        <v>845</v>
      </c>
      <c r="C27" s="4" t="s">
        <v>846</v>
      </c>
      <c r="D27" s="60" t="s">
        <v>22</v>
      </c>
      <c r="E27" s="113" t="s">
        <v>2749</v>
      </c>
    </row>
    <row r="28" spans="1:5" x14ac:dyDescent="0.25">
      <c r="A28" s="264" t="s">
        <v>847</v>
      </c>
      <c r="B28" s="265"/>
      <c r="C28" s="265"/>
      <c r="D28" s="265"/>
      <c r="E28" s="266"/>
    </row>
    <row r="29" spans="1:5" ht="57" x14ac:dyDescent="0.25">
      <c r="A29" s="5" t="s">
        <v>848</v>
      </c>
      <c r="B29" s="100" t="s">
        <v>849</v>
      </c>
      <c r="C29" s="4" t="s">
        <v>850</v>
      </c>
      <c r="D29" s="60" t="s">
        <v>2922</v>
      </c>
      <c r="E29" s="113" t="s">
        <v>3195</v>
      </c>
    </row>
    <row r="30" spans="1:5" ht="42" customHeight="1" x14ac:dyDescent="0.25">
      <c r="A30" s="23" t="s">
        <v>851</v>
      </c>
      <c r="B30" s="101" t="s">
        <v>852</v>
      </c>
      <c r="C30" s="24" t="s">
        <v>3225</v>
      </c>
      <c r="D30" s="61" t="s">
        <v>22</v>
      </c>
      <c r="E30" s="113" t="s">
        <v>3194</v>
      </c>
    </row>
    <row r="31" spans="1:5" ht="28.5" x14ac:dyDescent="0.25">
      <c r="A31" s="5" t="s">
        <v>853</v>
      </c>
      <c r="B31" s="100" t="s">
        <v>854</v>
      </c>
      <c r="C31" s="4" t="s">
        <v>855</v>
      </c>
      <c r="D31" s="60" t="s">
        <v>22</v>
      </c>
      <c r="E31" s="113" t="s">
        <v>3095</v>
      </c>
    </row>
    <row r="32" spans="1:5" x14ac:dyDescent="0.25">
      <c r="A32" s="269" t="s">
        <v>3193</v>
      </c>
      <c r="B32" s="270"/>
      <c r="C32" s="270"/>
      <c r="D32" s="270"/>
      <c r="E32" s="271"/>
    </row>
    <row r="33" spans="1:5" x14ac:dyDescent="0.25">
      <c r="A33" s="264" t="s">
        <v>856</v>
      </c>
      <c r="B33" s="265"/>
      <c r="C33" s="265"/>
      <c r="D33" s="265"/>
      <c r="E33" s="266"/>
    </row>
    <row r="34" spans="1:5" ht="85.5" x14ac:dyDescent="0.25">
      <c r="A34" s="5" t="s">
        <v>857</v>
      </c>
      <c r="B34" s="100" t="s">
        <v>858</v>
      </c>
      <c r="C34" s="4" t="s">
        <v>859</v>
      </c>
      <c r="D34" s="60" t="s">
        <v>22</v>
      </c>
      <c r="E34" s="113" t="s">
        <v>3096</v>
      </c>
    </row>
    <row r="35" spans="1:5" ht="71.25" x14ac:dyDescent="0.25">
      <c r="A35" s="5" t="s">
        <v>860</v>
      </c>
      <c r="B35" s="100" t="s">
        <v>861</v>
      </c>
      <c r="C35" s="4" t="s">
        <v>862</v>
      </c>
      <c r="D35" s="60" t="s">
        <v>22</v>
      </c>
      <c r="E35" s="113" t="s">
        <v>3502</v>
      </c>
    </row>
    <row r="36" spans="1:5" ht="42.75" x14ac:dyDescent="0.25">
      <c r="A36" s="5" t="s">
        <v>863</v>
      </c>
      <c r="B36" s="100" t="s">
        <v>864</v>
      </c>
      <c r="C36" s="4" t="s">
        <v>865</v>
      </c>
      <c r="D36" s="60" t="s">
        <v>22</v>
      </c>
      <c r="E36" s="113" t="s">
        <v>3502</v>
      </c>
    </row>
    <row r="37" spans="1:5" ht="142.5" x14ac:dyDescent="0.25">
      <c r="A37" s="5" t="s">
        <v>866</v>
      </c>
      <c r="B37" s="100" t="s">
        <v>867</v>
      </c>
      <c r="C37" s="4" t="s">
        <v>868</v>
      </c>
      <c r="D37" s="60" t="s">
        <v>22</v>
      </c>
      <c r="E37" s="52" t="s">
        <v>3199</v>
      </c>
    </row>
    <row r="38" spans="1:5" ht="47.25" customHeight="1" x14ac:dyDescent="0.25">
      <c r="A38" s="5" t="s">
        <v>869</v>
      </c>
      <c r="B38" s="100" t="s">
        <v>870</v>
      </c>
      <c r="C38" s="4" t="s">
        <v>871</v>
      </c>
      <c r="D38" s="60" t="s">
        <v>22</v>
      </c>
      <c r="E38" s="113" t="s">
        <v>872</v>
      </c>
    </row>
    <row r="39" spans="1:5" ht="128.25" x14ac:dyDescent="0.25">
      <c r="A39" s="5" t="s">
        <v>873</v>
      </c>
      <c r="B39" s="100" t="s">
        <v>874</v>
      </c>
      <c r="C39" s="4" t="s">
        <v>875</v>
      </c>
      <c r="D39" s="60" t="s">
        <v>876</v>
      </c>
      <c r="E39" s="113" t="s">
        <v>3196</v>
      </c>
    </row>
    <row r="40" spans="1:5" ht="43.5" customHeight="1" x14ac:dyDescent="0.25">
      <c r="A40" s="5" t="s">
        <v>877</v>
      </c>
      <c r="B40" s="100" t="s">
        <v>878</v>
      </c>
      <c r="C40" s="4" t="s">
        <v>879</v>
      </c>
      <c r="D40" s="60" t="s">
        <v>22</v>
      </c>
      <c r="E40" s="113" t="s">
        <v>3097</v>
      </c>
    </row>
    <row r="41" spans="1:5" x14ac:dyDescent="0.25">
      <c r="A41" s="264" t="s">
        <v>880</v>
      </c>
      <c r="B41" s="265"/>
      <c r="C41" s="265"/>
      <c r="D41" s="265"/>
      <c r="E41" s="266"/>
    </row>
    <row r="42" spans="1:5" ht="285" x14ac:dyDescent="0.25">
      <c r="A42" s="5" t="s">
        <v>881</v>
      </c>
      <c r="B42" s="100" t="s">
        <v>882</v>
      </c>
      <c r="C42" s="4" t="s">
        <v>883</v>
      </c>
      <c r="D42" s="60" t="s">
        <v>22</v>
      </c>
      <c r="E42" s="113" t="s">
        <v>3197</v>
      </c>
    </row>
    <row r="43" spans="1:5" ht="57" x14ac:dyDescent="0.25">
      <c r="A43" s="5" t="s">
        <v>884</v>
      </c>
      <c r="B43" s="100" t="s">
        <v>885</v>
      </c>
      <c r="C43" s="5" t="s">
        <v>3226</v>
      </c>
      <c r="D43" s="60" t="s">
        <v>22</v>
      </c>
      <c r="E43" s="113" t="s">
        <v>3198</v>
      </c>
    </row>
    <row r="44" spans="1:5" ht="128.25" x14ac:dyDescent="0.25">
      <c r="A44" s="5" t="s">
        <v>886</v>
      </c>
      <c r="B44" s="100" t="s">
        <v>887</v>
      </c>
      <c r="C44" s="4" t="s">
        <v>888</v>
      </c>
      <c r="D44" s="60" t="s">
        <v>22</v>
      </c>
      <c r="E44" s="113" t="s">
        <v>889</v>
      </c>
    </row>
    <row r="45" spans="1:5" x14ac:dyDescent="0.25">
      <c r="A45" s="264" t="s">
        <v>890</v>
      </c>
      <c r="B45" s="265"/>
      <c r="C45" s="265"/>
      <c r="D45" s="265"/>
      <c r="E45" s="266"/>
    </row>
    <row r="46" spans="1:5" ht="228" customHeight="1" x14ac:dyDescent="0.25">
      <c r="A46" s="5" t="s">
        <v>891</v>
      </c>
      <c r="B46" s="100" t="s">
        <v>892</v>
      </c>
      <c r="C46" s="4" t="s">
        <v>893</v>
      </c>
      <c r="D46" s="60" t="s">
        <v>22</v>
      </c>
      <c r="E46" s="113" t="s">
        <v>3499</v>
      </c>
    </row>
    <row r="47" spans="1:5" ht="28.5" x14ac:dyDescent="0.25">
      <c r="A47" s="5" t="s">
        <v>894</v>
      </c>
      <c r="B47" s="100" t="s">
        <v>895</v>
      </c>
      <c r="C47" s="4" t="s">
        <v>896</v>
      </c>
      <c r="D47" s="60" t="s">
        <v>22</v>
      </c>
      <c r="E47" s="113" t="s">
        <v>3500</v>
      </c>
    </row>
    <row r="48" spans="1:5" ht="109.5" customHeight="1" x14ac:dyDescent="0.25">
      <c r="A48" s="5" t="s">
        <v>897</v>
      </c>
      <c r="B48" s="100" t="s">
        <v>898</v>
      </c>
      <c r="C48" s="4" t="s">
        <v>3725</v>
      </c>
      <c r="D48" s="60" t="s">
        <v>3728</v>
      </c>
      <c r="E48" s="113" t="s">
        <v>3200</v>
      </c>
    </row>
    <row r="49" spans="1:5" x14ac:dyDescent="0.25">
      <c r="A49" s="264" t="s">
        <v>899</v>
      </c>
      <c r="B49" s="265"/>
      <c r="C49" s="265"/>
      <c r="D49" s="265"/>
      <c r="E49" s="266"/>
    </row>
    <row r="50" spans="1:5" ht="25.5" x14ac:dyDescent="0.25">
      <c r="A50" s="5" t="s">
        <v>900</v>
      </c>
      <c r="B50" s="100" t="s">
        <v>901</v>
      </c>
      <c r="D50" s="60" t="s">
        <v>22</v>
      </c>
      <c r="E50" s="113" t="s">
        <v>902</v>
      </c>
    </row>
    <row r="51" spans="1:5" ht="25.5" x14ac:dyDescent="0.25">
      <c r="A51" s="276" t="s">
        <v>903</v>
      </c>
      <c r="B51" s="277" t="s">
        <v>904</v>
      </c>
      <c r="C51" s="278" t="s">
        <v>910</v>
      </c>
      <c r="D51" s="279" t="s">
        <v>22</v>
      </c>
      <c r="E51" s="113" t="s">
        <v>905</v>
      </c>
    </row>
    <row r="52" spans="1:5" ht="25.5" x14ac:dyDescent="0.25">
      <c r="A52" s="276"/>
      <c r="B52" s="277"/>
      <c r="C52" s="278"/>
      <c r="D52" s="279"/>
      <c r="E52" s="113" t="s">
        <v>906</v>
      </c>
    </row>
    <row r="53" spans="1:5" ht="25.5" x14ac:dyDescent="0.25">
      <c r="A53" s="276"/>
      <c r="B53" s="277"/>
      <c r="C53" s="278"/>
      <c r="D53" s="279"/>
      <c r="E53" s="113" t="s">
        <v>907</v>
      </c>
    </row>
    <row r="54" spans="1:5" ht="25.5" x14ac:dyDescent="0.25">
      <c r="A54" s="276" t="s">
        <v>908</v>
      </c>
      <c r="B54" s="277" t="s">
        <v>909</v>
      </c>
      <c r="C54" s="278" t="s">
        <v>910</v>
      </c>
      <c r="D54" s="279" t="s">
        <v>22</v>
      </c>
      <c r="E54" s="113" t="s">
        <v>911</v>
      </c>
    </row>
    <row r="55" spans="1:5" x14ac:dyDescent="0.25">
      <c r="A55" s="276"/>
      <c r="B55" s="277"/>
      <c r="C55" s="278"/>
      <c r="D55" s="279"/>
      <c r="E55" s="113" t="s">
        <v>912</v>
      </c>
    </row>
    <row r="56" spans="1:5" x14ac:dyDescent="0.25">
      <c r="A56" s="276" t="s">
        <v>913</v>
      </c>
      <c r="B56" s="277" t="s">
        <v>914</v>
      </c>
      <c r="C56" s="278" t="s">
        <v>2926</v>
      </c>
      <c r="D56" s="279" t="s">
        <v>22</v>
      </c>
      <c r="E56" s="113" t="s">
        <v>915</v>
      </c>
    </row>
    <row r="57" spans="1:5" ht="25.5" x14ac:dyDescent="0.25">
      <c r="A57" s="276"/>
      <c r="B57" s="277"/>
      <c r="C57" s="278"/>
      <c r="D57" s="279"/>
      <c r="E57" s="113" t="s">
        <v>916</v>
      </c>
    </row>
    <row r="58" spans="1:5" ht="28.5" x14ac:dyDescent="0.25">
      <c r="A58" s="5" t="s">
        <v>917</v>
      </c>
      <c r="B58" s="100" t="s">
        <v>918</v>
      </c>
      <c r="C58" s="4" t="s">
        <v>919</v>
      </c>
      <c r="D58" s="60"/>
      <c r="E58" s="113" t="s">
        <v>920</v>
      </c>
    </row>
    <row r="59" spans="1:5" ht="93" customHeight="1" x14ac:dyDescent="0.25">
      <c r="A59" s="5" t="s">
        <v>921</v>
      </c>
      <c r="B59" s="100" t="s">
        <v>922</v>
      </c>
      <c r="C59" s="4" t="s">
        <v>2927</v>
      </c>
      <c r="D59" s="60" t="s">
        <v>3237</v>
      </c>
      <c r="E59" s="113" t="s">
        <v>3238</v>
      </c>
    </row>
    <row r="60" spans="1:5" ht="57" x14ac:dyDescent="0.25">
      <c r="A60" s="5" t="s">
        <v>923</v>
      </c>
      <c r="B60" s="100" t="s">
        <v>924</v>
      </c>
      <c r="C60" s="4" t="s">
        <v>925</v>
      </c>
      <c r="D60" s="60" t="s">
        <v>22</v>
      </c>
      <c r="E60" s="113" t="s">
        <v>926</v>
      </c>
    </row>
    <row r="61" spans="1:5" x14ac:dyDescent="0.25">
      <c r="A61" s="269" t="s">
        <v>3236</v>
      </c>
      <c r="B61" s="270"/>
      <c r="C61" s="270"/>
      <c r="D61" s="270"/>
      <c r="E61" s="271"/>
    </row>
    <row r="62" spans="1:5" x14ac:dyDescent="0.25">
      <c r="A62" s="264" t="s">
        <v>927</v>
      </c>
      <c r="B62" s="265"/>
      <c r="C62" s="265"/>
      <c r="D62" s="265"/>
      <c r="E62" s="266"/>
    </row>
    <row r="63" spans="1:5" s="120" customFormat="1" ht="196.5" customHeight="1" x14ac:dyDescent="0.25">
      <c r="A63" s="109" t="s">
        <v>3281</v>
      </c>
      <c r="B63" s="109" t="s">
        <v>3282</v>
      </c>
      <c r="C63" s="109" t="s">
        <v>3284</v>
      </c>
      <c r="D63" s="238" t="s">
        <v>3726</v>
      </c>
      <c r="E63" s="109" t="s">
        <v>3285</v>
      </c>
    </row>
    <row r="64" spans="1:5" ht="89.25" x14ac:dyDescent="0.25">
      <c r="A64" s="41" t="s">
        <v>19</v>
      </c>
      <c r="B64" s="102" t="s">
        <v>20</v>
      </c>
      <c r="C64" s="12" t="s">
        <v>21</v>
      </c>
      <c r="D64" s="59" t="s">
        <v>3726</v>
      </c>
      <c r="E64" s="53" t="s">
        <v>2713</v>
      </c>
    </row>
    <row r="65" spans="1:5" ht="89.25" x14ac:dyDescent="0.25">
      <c r="A65" s="41" t="s">
        <v>23</v>
      </c>
      <c r="B65" s="103" t="s">
        <v>24</v>
      </c>
      <c r="C65" s="4" t="s">
        <v>3010</v>
      </c>
      <c r="D65" s="59" t="s">
        <v>3726</v>
      </c>
      <c r="E65" s="53" t="s">
        <v>2801</v>
      </c>
    </row>
    <row r="66" spans="1:5" ht="89.25" x14ac:dyDescent="0.25">
      <c r="A66" s="41" t="s">
        <v>25</v>
      </c>
      <c r="B66" s="103" t="s">
        <v>5</v>
      </c>
      <c r="C66" s="4" t="s">
        <v>3011</v>
      </c>
      <c r="D66" s="59" t="s">
        <v>3726</v>
      </c>
      <c r="E66" s="53" t="s">
        <v>26</v>
      </c>
    </row>
    <row r="67" spans="1:5" ht="99.75" x14ac:dyDescent="0.25">
      <c r="A67" s="20" t="s">
        <v>27</v>
      </c>
      <c r="B67" s="103" t="s">
        <v>6</v>
      </c>
      <c r="C67" s="190" t="s">
        <v>1953</v>
      </c>
      <c r="D67" s="59" t="s">
        <v>3727</v>
      </c>
      <c r="E67" s="53" t="s">
        <v>3098</v>
      </c>
    </row>
    <row r="68" spans="1:5" ht="89.25" x14ac:dyDescent="0.25">
      <c r="A68" s="41" t="s">
        <v>28</v>
      </c>
      <c r="B68" s="103" t="s">
        <v>7</v>
      </c>
      <c r="C68" s="4" t="s">
        <v>3012</v>
      </c>
      <c r="D68" s="59" t="s">
        <v>3727</v>
      </c>
      <c r="E68" s="53" t="s">
        <v>2803</v>
      </c>
    </row>
    <row r="69" spans="1:5" ht="91.5" customHeight="1" x14ac:dyDescent="0.25">
      <c r="A69" s="41" t="s">
        <v>928</v>
      </c>
      <c r="B69" s="103" t="s">
        <v>2905</v>
      </c>
      <c r="C69" s="4" t="s">
        <v>3013</v>
      </c>
      <c r="D69" s="59" t="s">
        <v>3726</v>
      </c>
      <c r="E69" s="53" t="s">
        <v>2803</v>
      </c>
    </row>
    <row r="70" spans="1:5" ht="102.75" customHeight="1" x14ac:dyDescent="0.25">
      <c r="A70" s="20" t="s">
        <v>29</v>
      </c>
      <c r="B70" s="103" t="s">
        <v>8</v>
      </c>
      <c r="C70" s="4" t="s">
        <v>3012</v>
      </c>
      <c r="D70" s="59" t="s">
        <v>3727</v>
      </c>
      <c r="E70" s="53" t="s">
        <v>2803</v>
      </c>
    </row>
    <row r="71" spans="1:5" ht="57" x14ac:dyDescent="0.25">
      <c r="A71" s="20" t="s">
        <v>30</v>
      </c>
      <c r="B71" s="103" t="s">
        <v>9</v>
      </c>
      <c r="C71" s="4" t="s">
        <v>3014</v>
      </c>
      <c r="D71" s="59" t="s">
        <v>2812</v>
      </c>
      <c r="E71" s="53" t="s">
        <v>2803</v>
      </c>
    </row>
    <row r="72" spans="1:5" ht="89.25" x14ac:dyDescent="0.25">
      <c r="A72" s="20" t="s">
        <v>31</v>
      </c>
      <c r="B72" s="103" t="s">
        <v>10</v>
      </c>
      <c r="C72" s="4" t="s">
        <v>3012</v>
      </c>
      <c r="D72" s="59" t="s">
        <v>3727</v>
      </c>
      <c r="E72" s="53" t="s">
        <v>2803</v>
      </c>
    </row>
    <row r="73" spans="1:5" ht="106.5" customHeight="1" x14ac:dyDescent="0.25">
      <c r="A73" s="20" t="s">
        <v>32</v>
      </c>
      <c r="B73" s="103" t="s">
        <v>11</v>
      </c>
      <c r="C73" s="4" t="s">
        <v>3015</v>
      </c>
      <c r="D73" s="59" t="s">
        <v>3727</v>
      </c>
      <c r="E73" s="53" t="s">
        <v>2804</v>
      </c>
    </row>
    <row r="74" spans="1:5" ht="101.25" customHeight="1" x14ac:dyDescent="0.25">
      <c r="A74" s="20" t="s">
        <v>33</v>
      </c>
      <c r="B74" s="103" t="s">
        <v>12</v>
      </c>
      <c r="C74" s="4" t="s">
        <v>3016</v>
      </c>
      <c r="D74" s="59" t="s">
        <v>3727</v>
      </c>
      <c r="E74" s="53" t="s">
        <v>2804</v>
      </c>
    </row>
    <row r="75" spans="1:5" ht="111.75" customHeight="1" x14ac:dyDescent="0.25">
      <c r="A75" s="20" t="s">
        <v>34</v>
      </c>
      <c r="B75" s="103" t="s">
        <v>13</v>
      </c>
      <c r="C75" s="4" t="s">
        <v>14</v>
      </c>
      <c r="D75" s="59" t="s">
        <v>3726</v>
      </c>
      <c r="E75" s="53" t="s">
        <v>2805</v>
      </c>
    </row>
    <row r="76" spans="1:5" ht="114" x14ac:dyDescent="0.25">
      <c r="A76" s="20" t="s">
        <v>35</v>
      </c>
      <c r="B76" s="103" t="s">
        <v>15</v>
      </c>
      <c r="C76" s="4" t="s">
        <v>16</v>
      </c>
      <c r="D76" s="59" t="s">
        <v>3726</v>
      </c>
      <c r="E76" s="53" t="s">
        <v>2805</v>
      </c>
    </row>
    <row r="77" spans="1:5" ht="89.25" x14ac:dyDescent="0.25">
      <c r="A77" s="20" t="s">
        <v>36</v>
      </c>
      <c r="B77" s="103" t="s">
        <v>17</v>
      </c>
      <c r="C77" s="4" t="s">
        <v>3017</v>
      </c>
      <c r="D77" s="59" t="s">
        <v>3726</v>
      </c>
      <c r="E77" s="53" t="s">
        <v>2806</v>
      </c>
    </row>
    <row r="78" spans="1:5" ht="89.25" x14ac:dyDescent="0.25">
      <c r="A78" s="20" t="s">
        <v>37</v>
      </c>
      <c r="B78" s="103" t="s">
        <v>18</v>
      </c>
      <c r="C78" s="4" t="s">
        <v>131</v>
      </c>
      <c r="D78" s="59" t="s">
        <v>3726</v>
      </c>
      <c r="E78" s="53" t="s">
        <v>2807</v>
      </c>
    </row>
    <row r="79" spans="1:5" ht="97.5" customHeight="1" x14ac:dyDescent="0.25">
      <c r="A79" s="20" t="s">
        <v>38</v>
      </c>
      <c r="B79" s="103" t="s">
        <v>39</v>
      </c>
      <c r="C79" s="4" t="s">
        <v>3018</v>
      </c>
      <c r="D79" s="59" t="s">
        <v>3726</v>
      </c>
      <c r="E79" s="53" t="s">
        <v>2804</v>
      </c>
    </row>
    <row r="80" spans="1:5" ht="89.25" x14ac:dyDescent="0.25">
      <c r="A80" s="20" t="s">
        <v>40</v>
      </c>
      <c r="B80" s="103" t="s">
        <v>41</v>
      </c>
      <c r="C80" s="4" t="s">
        <v>3019</v>
      </c>
      <c r="D80" s="59" t="s">
        <v>3726</v>
      </c>
      <c r="E80" s="53" t="s">
        <v>26</v>
      </c>
    </row>
    <row r="81" spans="1:5" ht="89.25" x14ac:dyDescent="0.25">
      <c r="A81" s="20" t="s">
        <v>42</v>
      </c>
      <c r="B81" s="103" t="s">
        <v>2813</v>
      </c>
      <c r="C81" s="4" t="s">
        <v>3020</v>
      </c>
      <c r="D81" s="59" t="s">
        <v>3726</v>
      </c>
      <c r="E81" s="53" t="s">
        <v>26</v>
      </c>
    </row>
    <row r="82" spans="1:5" ht="114" x14ac:dyDescent="0.25">
      <c r="A82" s="20" t="s">
        <v>43</v>
      </c>
      <c r="B82" s="103" t="s">
        <v>44</v>
      </c>
      <c r="C82" s="4" t="s">
        <v>45</v>
      </c>
      <c r="D82" s="59" t="s">
        <v>3726</v>
      </c>
      <c r="E82" s="53" t="s">
        <v>2805</v>
      </c>
    </row>
    <row r="83" spans="1:5" ht="89.25" x14ac:dyDescent="0.25">
      <c r="A83" s="20" t="s">
        <v>46</v>
      </c>
      <c r="B83" s="103" t="s">
        <v>47</v>
      </c>
      <c r="C83" s="4" t="s">
        <v>3021</v>
      </c>
      <c r="D83" s="59" t="s">
        <v>3726</v>
      </c>
      <c r="E83" s="53" t="s">
        <v>2804</v>
      </c>
    </row>
    <row r="84" spans="1:5" ht="89.25" x14ac:dyDescent="0.25">
      <c r="A84" s="20" t="s">
        <v>48</v>
      </c>
      <c r="B84" s="103" t="s">
        <v>49</v>
      </c>
      <c r="C84" s="4" t="s">
        <v>3022</v>
      </c>
      <c r="D84" s="59" t="s">
        <v>3726</v>
      </c>
      <c r="E84" s="53" t="s">
        <v>26</v>
      </c>
    </row>
    <row r="85" spans="1:5" ht="89.25" x14ac:dyDescent="0.25">
      <c r="A85" s="20" t="s">
        <v>50</v>
      </c>
      <c r="B85" s="103" t="s">
        <v>2814</v>
      </c>
      <c r="C85" s="4" t="s">
        <v>3023</v>
      </c>
      <c r="D85" s="59" t="s">
        <v>3726</v>
      </c>
      <c r="E85" s="53" t="s">
        <v>2808</v>
      </c>
    </row>
    <row r="86" spans="1:5" ht="114" x14ac:dyDescent="0.25">
      <c r="A86" s="20" t="s">
        <v>51</v>
      </c>
      <c r="B86" s="103" t="s">
        <v>52</v>
      </c>
      <c r="C86" s="4" t="s">
        <v>14</v>
      </c>
      <c r="D86" s="59" t="s">
        <v>3726</v>
      </c>
      <c r="E86" s="53" t="s">
        <v>2805</v>
      </c>
    </row>
    <row r="87" spans="1:5" ht="114" x14ac:dyDescent="0.25">
      <c r="A87" s="20" t="s">
        <v>53</v>
      </c>
      <c r="B87" s="103" t="s">
        <v>54</v>
      </c>
      <c r="C87" s="4" t="s">
        <v>14</v>
      </c>
      <c r="D87" s="59" t="s">
        <v>3726</v>
      </c>
      <c r="E87" s="53" t="s">
        <v>2809</v>
      </c>
    </row>
    <row r="88" spans="1:5" ht="114" x14ac:dyDescent="0.25">
      <c r="A88" s="20" t="s">
        <v>55</v>
      </c>
      <c r="B88" s="103" t="s">
        <v>56</v>
      </c>
      <c r="C88" s="4" t="s">
        <v>14</v>
      </c>
      <c r="D88" s="59" t="s">
        <v>3726</v>
      </c>
      <c r="E88" s="53" t="s">
        <v>2810</v>
      </c>
    </row>
    <row r="89" spans="1:5" ht="114" x14ac:dyDescent="0.25">
      <c r="A89" s="20" t="s">
        <v>58</v>
      </c>
      <c r="B89" s="103" t="s">
        <v>2893</v>
      </c>
      <c r="C89" s="4" t="s">
        <v>14</v>
      </c>
      <c r="D89" s="59" t="s">
        <v>3726</v>
      </c>
      <c r="E89" s="53" t="s">
        <v>2706</v>
      </c>
    </row>
    <row r="90" spans="1:5" ht="89.25" x14ac:dyDescent="0.25">
      <c r="A90" s="20" t="s">
        <v>779</v>
      </c>
      <c r="B90" s="103" t="s">
        <v>2895</v>
      </c>
      <c r="C90" s="4" t="s">
        <v>2707</v>
      </c>
      <c r="D90" s="59" t="s">
        <v>3726</v>
      </c>
      <c r="E90" s="53" t="s">
        <v>3099</v>
      </c>
    </row>
    <row r="91" spans="1:5" ht="114" x14ac:dyDescent="0.25">
      <c r="A91" s="25" t="s">
        <v>65</v>
      </c>
      <c r="B91" s="103" t="s">
        <v>66</v>
      </c>
      <c r="C91" s="4" t="s">
        <v>14</v>
      </c>
      <c r="D91" s="59" t="s">
        <v>3009</v>
      </c>
      <c r="E91" s="53" t="s">
        <v>2815</v>
      </c>
    </row>
    <row r="92" spans="1:5" ht="51" x14ac:dyDescent="0.25">
      <c r="A92" s="263" t="s">
        <v>3729</v>
      </c>
      <c r="B92" s="263" t="s">
        <v>3730</v>
      </c>
      <c r="C92" s="250" t="s">
        <v>3731</v>
      </c>
      <c r="D92" s="240" t="s">
        <v>3733</v>
      </c>
      <c r="E92" s="263" t="s">
        <v>3735</v>
      </c>
    </row>
    <row r="93" spans="1:5" x14ac:dyDescent="0.25">
      <c r="A93" s="261"/>
      <c r="B93" s="261"/>
      <c r="C93" s="239" t="s">
        <v>3732</v>
      </c>
      <c r="D93" s="243" t="s">
        <v>3734</v>
      </c>
      <c r="E93" s="261"/>
    </row>
    <row r="94" spans="1:5" x14ac:dyDescent="0.25">
      <c r="A94" s="261"/>
      <c r="B94" s="261"/>
      <c r="C94" s="241"/>
      <c r="D94" s="240" t="s">
        <v>3736</v>
      </c>
      <c r="E94" s="261"/>
    </row>
    <row r="95" spans="1:5" ht="15.75" thickBot="1" x14ac:dyDescent="0.3">
      <c r="A95" s="262"/>
      <c r="B95" s="262"/>
      <c r="C95" s="242"/>
      <c r="D95" s="244"/>
      <c r="E95" s="262"/>
    </row>
    <row r="96" spans="1:5" ht="38.25" x14ac:dyDescent="0.25">
      <c r="A96" s="260" t="s">
        <v>3737</v>
      </c>
      <c r="B96" s="260" t="s">
        <v>3738</v>
      </c>
      <c r="C96" s="250" t="s">
        <v>3739</v>
      </c>
      <c r="D96" s="240" t="s">
        <v>3733</v>
      </c>
      <c r="E96" s="260" t="s">
        <v>3735</v>
      </c>
    </row>
    <row r="97" spans="1:5" ht="25.5" x14ac:dyDescent="0.25">
      <c r="A97" s="261"/>
      <c r="B97" s="261"/>
      <c r="C97" s="250" t="s">
        <v>3740</v>
      </c>
      <c r="D97" s="243" t="s">
        <v>3734</v>
      </c>
      <c r="E97" s="261"/>
    </row>
    <row r="98" spans="1:5" x14ac:dyDescent="0.25">
      <c r="A98" s="261"/>
      <c r="B98" s="261"/>
      <c r="C98" s="239" t="s">
        <v>3741</v>
      </c>
      <c r="D98" s="240" t="s">
        <v>3736</v>
      </c>
      <c r="E98" s="261"/>
    </row>
    <row r="99" spans="1:5" x14ac:dyDescent="0.25">
      <c r="A99" s="261"/>
      <c r="B99" s="261"/>
      <c r="C99" s="239" t="s">
        <v>3742</v>
      </c>
      <c r="D99" s="246"/>
      <c r="E99" s="261"/>
    </row>
    <row r="100" spans="1:5" x14ac:dyDescent="0.25">
      <c r="A100" s="261"/>
      <c r="B100" s="261"/>
      <c r="C100" s="239" t="s">
        <v>3743</v>
      </c>
      <c r="D100" s="247"/>
      <c r="E100" s="261"/>
    </row>
    <row r="101" spans="1:5" ht="66" customHeight="1" x14ac:dyDescent="0.25">
      <c r="A101" s="261"/>
      <c r="B101" s="261"/>
      <c r="C101" s="239" t="s">
        <v>3744</v>
      </c>
      <c r="D101" s="247"/>
      <c r="E101" s="261"/>
    </row>
    <row r="102" spans="1:5" x14ac:dyDescent="0.25">
      <c r="A102" s="261"/>
      <c r="B102" s="261"/>
      <c r="C102" s="239" t="s">
        <v>3745</v>
      </c>
      <c r="D102" s="247"/>
      <c r="E102" s="261"/>
    </row>
    <row r="103" spans="1:5" ht="32.25" customHeight="1" thickBot="1" x14ac:dyDescent="0.3">
      <c r="A103" s="262"/>
      <c r="B103" s="262"/>
      <c r="C103" s="245"/>
      <c r="D103" s="248"/>
      <c r="E103" s="262"/>
    </row>
    <row r="104" spans="1:5" ht="57" x14ac:dyDescent="0.25">
      <c r="A104" s="20" t="s">
        <v>776</v>
      </c>
      <c r="B104" s="249" t="s">
        <v>2894</v>
      </c>
      <c r="C104" s="4" t="s">
        <v>2918</v>
      </c>
      <c r="D104" s="60" t="s">
        <v>3239</v>
      </c>
      <c r="E104" s="53" t="s">
        <v>2811</v>
      </c>
    </row>
    <row r="105" spans="1:5" ht="42.75" x14ac:dyDescent="0.25">
      <c r="A105" s="20" t="s">
        <v>3026</v>
      </c>
      <c r="B105" s="103" t="s">
        <v>3027</v>
      </c>
      <c r="C105" s="5" t="s">
        <v>3620</v>
      </c>
      <c r="D105" s="62" t="s">
        <v>2697</v>
      </c>
      <c r="E105" s="53" t="s">
        <v>2811</v>
      </c>
    </row>
    <row r="106" spans="1:5" ht="57" customHeight="1" x14ac:dyDescent="0.25">
      <c r="A106" s="20" t="s">
        <v>3028</v>
      </c>
      <c r="B106" s="103" t="s">
        <v>3029</v>
      </c>
      <c r="C106" s="5" t="s">
        <v>3030</v>
      </c>
      <c r="D106" s="62" t="s">
        <v>2697</v>
      </c>
      <c r="E106" s="53" t="s">
        <v>2811</v>
      </c>
    </row>
    <row r="107" spans="1:5" ht="77.25" customHeight="1" x14ac:dyDescent="0.25">
      <c r="A107" s="20" t="s">
        <v>3031</v>
      </c>
      <c r="B107" s="103" t="s">
        <v>3032</v>
      </c>
      <c r="C107" s="5" t="s">
        <v>3033</v>
      </c>
      <c r="D107" s="62" t="s">
        <v>2697</v>
      </c>
      <c r="E107" s="53" t="s">
        <v>2811</v>
      </c>
    </row>
    <row r="108" spans="1:5" ht="99.75" x14ac:dyDescent="0.25">
      <c r="A108" s="20" t="s">
        <v>3034</v>
      </c>
      <c r="B108" s="103" t="s">
        <v>3035</v>
      </c>
      <c r="C108" s="5" t="s">
        <v>3036</v>
      </c>
      <c r="D108" s="62" t="s">
        <v>2697</v>
      </c>
      <c r="E108" s="53" t="s">
        <v>2811</v>
      </c>
    </row>
    <row r="109" spans="1:5" x14ac:dyDescent="0.25">
      <c r="A109" s="272" t="s">
        <v>59</v>
      </c>
      <c r="B109" s="272"/>
      <c r="D109" s="60"/>
      <c r="E109" s="113"/>
    </row>
    <row r="110" spans="1:5" x14ac:dyDescent="0.25">
      <c r="A110" s="282" t="s">
        <v>60</v>
      </c>
      <c r="B110" s="285" t="s">
        <v>61</v>
      </c>
      <c r="C110" s="288" t="s">
        <v>62</v>
      </c>
      <c r="D110" s="308" t="s">
        <v>3301</v>
      </c>
      <c r="E110" s="294" t="s">
        <v>3629</v>
      </c>
    </row>
    <row r="111" spans="1:5" x14ac:dyDescent="0.25">
      <c r="A111" s="283"/>
      <c r="B111" s="286"/>
      <c r="C111" s="289"/>
      <c r="D111" s="309"/>
      <c r="E111" s="307"/>
    </row>
    <row r="112" spans="1:5" x14ac:dyDescent="0.25">
      <c r="A112" s="283"/>
      <c r="B112" s="286"/>
      <c r="C112" s="289"/>
      <c r="D112" s="309"/>
      <c r="E112" s="307"/>
    </row>
    <row r="113" spans="1:5" x14ac:dyDescent="0.25">
      <c r="A113" s="284"/>
      <c r="B113" s="287"/>
      <c r="C113" s="290"/>
      <c r="D113" s="310"/>
      <c r="E113" s="295"/>
    </row>
    <row r="114" spans="1:5" x14ac:dyDescent="0.25">
      <c r="A114" s="282" t="s">
        <v>63</v>
      </c>
      <c r="B114" s="285" t="s">
        <v>59</v>
      </c>
      <c r="C114" s="288" t="s">
        <v>64</v>
      </c>
      <c r="D114" s="267" t="s">
        <v>3302</v>
      </c>
      <c r="E114" s="294" t="s">
        <v>3629</v>
      </c>
    </row>
    <row r="115" spans="1:5" x14ac:dyDescent="0.25">
      <c r="A115" s="284"/>
      <c r="B115" s="287"/>
      <c r="C115" s="290"/>
      <c r="D115" s="268"/>
      <c r="E115" s="295"/>
    </row>
    <row r="116" spans="1:5" x14ac:dyDescent="0.25">
      <c r="A116" s="276" t="s">
        <v>67</v>
      </c>
      <c r="B116" s="277" t="s">
        <v>68</v>
      </c>
      <c r="C116" s="278" t="s">
        <v>69</v>
      </c>
      <c r="D116" s="267" t="s">
        <v>22</v>
      </c>
      <c r="E116" s="280" t="s">
        <v>2271</v>
      </c>
    </row>
    <row r="117" spans="1:5" x14ac:dyDescent="0.25">
      <c r="A117" s="276"/>
      <c r="B117" s="277"/>
      <c r="C117" s="278"/>
      <c r="D117" s="268"/>
      <c r="E117" s="280"/>
    </row>
    <row r="118" spans="1:5" ht="42.75" x14ac:dyDescent="0.25">
      <c r="A118" s="142" t="s">
        <v>3304</v>
      </c>
      <c r="B118" s="143" t="s">
        <v>3305</v>
      </c>
      <c r="C118" s="144" t="s">
        <v>3306</v>
      </c>
      <c r="D118" s="141" t="s">
        <v>3628</v>
      </c>
      <c r="E118" s="145" t="s">
        <v>3307</v>
      </c>
    </row>
    <row r="119" spans="1:5" ht="71.25" x14ac:dyDescent="0.25">
      <c r="A119" s="142" t="s">
        <v>3308</v>
      </c>
      <c r="B119" s="143" t="s">
        <v>3309</v>
      </c>
      <c r="C119" s="144" t="s">
        <v>3310</v>
      </c>
      <c r="D119" s="213" t="s">
        <v>22</v>
      </c>
      <c r="E119" s="145" t="s">
        <v>3311</v>
      </c>
    </row>
    <row r="120" spans="1:5" ht="42.75" x14ac:dyDescent="0.25">
      <c r="A120" s="5" t="s">
        <v>3062</v>
      </c>
      <c r="B120" s="100" t="s">
        <v>3063</v>
      </c>
      <c r="C120" s="5" t="s">
        <v>3064</v>
      </c>
      <c r="D120" s="141" t="s">
        <v>2778</v>
      </c>
      <c r="E120" s="113" t="s">
        <v>3629</v>
      </c>
    </row>
    <row r="121" spans="1:5" x14ac:dyDescent="0.25">
      <c r="A121" s="42"/>
      <c r="B121" s="104"/>
      <c r="C121" s="43"/>
      <c r="D121" s="63"/>
      <c r="E121" s="54"/>
    </row>
    <row r="122" spans="1:5" x14ac:dyDescent="0.25">
      <c r="A122" s="272" t="s">
        <v>929</v>
      </c>
      <c r="B122" s="272"/>
    </row>
    <row r="123" spans="1:5" ht="38.25" x14ac:dyDescent="0.25">
      <c r="A123" s="5" t="s">
        <v>70</v>
      </c>
      <c r="B123" s="100" t="s">
        <v>71</v>
      </c>
      <c r="C123" s="4" t="s">
        <v>72</v>
      </c>
      <c r="D123" s="59" t="s">
        <v>3492</v>
      </c>
      <c r="E123" s="111" t="s">
        <v>2271</v>
      </c>
    </row>
    <row r="124" spans="1:5" ht="42.75" x14ac:dyDescent="0.25">
      <c r="A124" s="5" t="s">
        <v>73</v>
      </c>
      <c r="B124" s="100" t="s">
        <v>74</v>
      </c>
      <c r="C124" s="4" t="s">
        <v>75</v>
      </c>
      <c r="D124" s="59" t="s">
        <v>3627</v>
      </c>
      <c r="E124" s="111" t="s">
        <v>2734</v>
      </c>
    </row>
    <row r="125" spans="1:5" ht="71.25" x14ac:dyDescent="0.25">
      <c r="A125" s="142" t="s">
        <v>3312</v>
      </c>
      <c r="B125" s="143" t="s">
        <v>3313</v>
      </c>
      <c r="C125" s="144" t="s">
        <v>3314</v>
      </c>
      <c r="D125" s="149" t="s">
        <v>3723</v>
      </c>
      <c r="E125" s="145" t="s">
        <v>3315</v>
      </c>
    </row>
    <row r="126" spans="1:5" ht="38.25" x14ac:dyDescent="0.25">
      <c r="A126" s="5" t="s">
        <v>76</v>
      </c>
      <c r="B126" s="100" t="s">
        <v>77</v>
      </c>
      <c r="C126" s="4" t="s">
        <v>78</v>
      </c>
      <c r="D126" s="59" t="s">
        <v>3316</v>
      </c>
      <c r="E126" s="111" t="s">
        <v>2734</v>
      </c>
    </row>
    <row r="127" spans="1:5" ht="25.5" x14ac:dyDescent="0.25">
      <c r="A127" s="5" t="s">
        <v>79</v>
      </c>
      <c r="B127" s="100" t="s">
        <v>80</v>
      </c>
      <c r="C127" s="4" t="s">
        <v>81</v>
      </c>
      <c r="D127" s="59" t="s">
        <v>3317</v>
      </c>
      <c r="E127" s="111" t="s">
        <v>2734</v>
      </c>
    </row>
    <row r="128" spans="1:5" x14ac:dyDescent="0.25">
      <c r="A128" s="42"/>
      <c r="B128" s="104"/>
      <c r="C128" s="43"/>
      <c r="D128" s="63"/>
      <c r="E128" s="55"/>
    </row>
    <row r="129" spans="1:5" x14ac:dyDescent="0.25">
      <c r="A129" s="272" t="s">
        <v>930</v>
      </c>
      <c r="B129" s="272"/>
      <c r="D129" s="60"/>
      <c r="E129" s="113"/>
    </row>
    <row r="130" spans="1:5" ht="71.25" x14ac:dyDescent="0.25">
      <c r="A130" s="5" t="s">
        <v>82</v>
      </c>
      <c r="B130" s="100" t="s">
        <v>83</v>
      </c>
      <c r="C130" s="4" t="s">
        <v>84</v>
      </c>
      <c r="D130" s="60" t="s">
        <v>3722</v>
      </c>
      <c r="E130" s="113" t="s">
        <v>2703</v>
      </c>
    </row>
    <row r="131" spans="1:5" x14ac:dyDescent="0.25">
      <c r="A131" s="42"/>
      <c r="B131" s="104"/>
      <c r="C131" s="43"/>
      <c r="D131" s="64"/>
      <c r="E131" s="55"/>
    </row>
    <row r="132" spans="1:5" x14ac:dyDescent="0.25">
      <c r="A132" s="272" t="s">
        <v>931</v>
      </c>
      <c r="B132" s="272"/>
      <c r="D132" s="60"/>
      <c r="E132" s="113"/>
    </row>
    <row r="133" spans="1:5" ht="71.25" x14ac:dyDescent="0.25">
      <c r="A133" s="5" t="s">
        <v>85</v>
      </c>
      <c r="B133" s="100" t="s">
        <v>86</v>
      </c>
      <c r="C133" s="4" t="s">
        <v>87</v>
      </c>
      <c r="D133" s="60" t="s">
        <v>3240</v>
      </c>
      <c r="E133" s="113" t="s">
        <v>1870</v>
      </c>
    </row>
    <row r="134" spans="1:5" x14ac:dyDescent="0.25">
      <c r="A134" s="42"/>
      <c r="B134" s="104"/>
      <c r="C134" s="43"/>
      <c r="D134" s="64"/>
      <c r="E134" s="55"/>
    </row>
    <row r="135" spans="1:5" x14ac:dyDescent="0.25">
      <c r="A135" s="272" t="s">
        <v>88</v>
      </c>
      <c r="B135" s="272"/>
      <c r="D135" s="60"/>
      <c r="E135" s="113"/>
    </row>
    <row r="136" spans="1:5" ht="28.5" x14ac:dyDescent="0.25">
      <c r="A136" s="5" t="s">
        <v>89</v>
      </c>
      <c r="B136" s="100" t="s">
        <v>88</v>
      </c>
      <c r="C136" s="4" t="s">
        <v>90</v>
      </c>
      <c r="D136" s="60" t="s">
        <v>3318</v>
      </c>
      <c r="E136" s="111" t="s">
        <v>2703</v>
      </c>
    </row>
    <row r="137" spans="1:5" x14ac:dyDescent="0.25">
      <c r="A137" s="42"/>
      <c r="B137" s="104"/>
      <c r="C137" s="43"/>
      <c r="D137" s="64"/>
      <c r="E137" s="55"/>
    </row>
    <row r="138" spans="1:5" ht="59.25" customHeight="1" x14ac:dyDescent="0.25">
      <c r="A138" s="272" t="s">
        <v>932</v>
      </c>
      <c r="B138" s="272"/>
      <c r="D138" s="60"/>
      <c r="E138" s="113"/>
    </row>
    <row r="139" spans="1:5" ht="28.5" x14ac:dyDescent="0.25">
      <c r="A139" s="5" t="s">
        <v>91</v>
      </c>
      <c r="B139" s="100" t="s">
        <v>92</v>
      </c>
      <c r="C139" s="4" t="s">
        <v>93</v>
      </c>
      <c r="D139" s="59" t="s">
        <v>3319</v>
      </c>
      <c r="E139" s="111" t="s">
        <v>2703</v>
      </c>
    </row>
    <row r="140" spans="1:5" ht="28.5" x14ac:dyDescent="0.25">
      <c r="A140" s="5" t="s">
        <v>94</v>
      </c>
      <c r="B140" s="100" t="s">
        <v>95</v>
      </c>
      <c r="C140" s="4" t="s">
        <v>96</v>
      </c>
      <c r="D140" s="59" t="s">
        <v>3319</v>
      </c>
      <c r="E140" s="111" t="s">
        <v>2785</v>
      </c>
    </row>
    <row r="141" spans="1:5" ht="57" x14ac:dyDescent="0.25">
      <c r="A141" s="5" t="s">
        <v>97</v>
      </c>
      <c r="B141" s="100" t="s">
        <v>98</v>
      </c>
      <c r="C141" s="4" t="s">
        <v>99</v>
      </c>
      <c r="D141" s="59" t="s">
        <v>3319</v>
      </c>
      <c r="E141" s="111" t="s">
        <v>2703</v>
      </c>
    </row>
    <row r="142" spans="1:5" ht="57" x14ac:dyDescent="0.25">
      <c r="A142" s="5" t="s">
        <v>100</v>
      </c>
      <c r="B142" s="100" t="s">
        <v>101</v>
      </c>
      <c r="C142" s="4" t="s">
        <v>102</v>
      </c>
      <c r="D142" s="59" t="s">
        <v>3321</v>
      </c>
      <c r="E142" s="111" t="s">
        <v>2703</v>
      </c>
    </row>
    <row r="143" spans="1:5" ht="25.5" x14ac:dyDescent="0.25">
      <c r="A143" s="5" t="s">
        <v>103</v>
      </c>
      <c r="B143" s="100" t="s">
        <v>104</v>
      </c>
      <c r="C143" s="4" t="s">
        <v>105</v>
      </c>
      <c r="D143" s="59" t="s">
        <v>3322</v>
      </c>
      <c r="E143" s="111" t="s">
        <v>2703</v>
      </c>
    </row>
    <row r="144" spans="1:5" ht="28.5" x14ac:dyDescent="0.25">
      <c r="A144" s="5" t="s">
        <v>106</v>
      </c>
      <c r="B144" s="100" t="s">
        <v>107</v>
      </c>
      <c r="C144" s="4" t="s">
        <v>108</v>
      </c>
      <c r="D144" s="59" t="s">
        <v>3320</v>
      </c>
      <c r="E144" s="111" t="s">
        <v>2703</v>
      </c>
    </row>
    <row r="145" spans="1:5" ht="57" x14ac:dyDescent="0.25">
      <c r="A145" s="5" t="s">
        <v>109</v>
      </c>
      <c r="B145" s="100" t="s">
        <v>110</v>
      </c>
      <c r="C145" s="4" t="s">
        <v>111</v>
      </c>
      <c r="D145" s="59" t="s">
        <v>3324</v>
      </c>
      <c r="E145" s="111" t="s">
        <v>2735</v>
      </c>
    </row>
    <row r="146" spans="1:5" ht="42.75" x14ac:dyDescent="0.25">
      <c r="A146" s="5" t="s">
        <v>112</v>
      </c>
      <c r="B146" s="100" t="s">
        <v>113</v>
      </c>
      <c r="C146" s="4" t="s">
        <v>114</v>
      </c>
      <c r="D146" s="149" t="s">
        <v>3324</v>
      </c>
      <c r="E146" s="111" t="s">
        <v>2735</v>
      </c>
    </row>
    <row r="147" spans="1:5" ht="100.5" customHeight="1" x14ac:dyDescent="0.25">
      <c r="A147" s="42"/>
      <c r="B147" s="104"/>
      <c r="C147" s="43"/>
      <c r="D147" s="64"/>
      <c r="E147" s="55"/>
    </row>
    <row r="148" spans="1:5" x14ac:dyDescent="0.25">
      <c r="A148" s="272" t="s">
        <v>933</v>
      </c>
      <c r="B148" s="272"/>
      <c r="D148" s="60"/>
      <c r="E148" s="113"/>
    </row>
    <row r="149" spans="1:5" ht="42.75" x14ac:dyDescent="0.25">
      <c r="A149" s="5" t="s">
        <v>115</v>
      </c>
      <c r="B149" s="100" t="s">
        <v>116</v>
      </c>
      <c r="C149" s="4" t="s">
        <v>117</v>
      </c>
      <c r="D149" s="59" t="s">
        <v>3326</v>
      </c>
      <c r="E149" s="113" t="s">
        <v>118</v>
      </c>
    </row>
    <row r="150" spans="1:5" ht="57" x14ac:dyDescent="0.25">
      <c r="A150" s="142" t="s">
        <v>3329</v>
      </c>
      <c r="B150" s="143" t="s">
        <v>3330</v>
      </c>
      <c r="C150" s="144" t="s">
        <v>3331</v>
      </c>
      <c r="D150" s="149" t="s">
        <v>3332</v>
      </c>
      <c r="E150" s="146" t="s">
        <v>2736</v>
      </c>
    </row>
    <row r="151" spans="1:5" ht="57" x14ac:dyDescent="0.25">
      <c r="A151" s="5" t="s">
        <v>119</v>
      </c>
      <c r="B151" s="100" t="s">
        <v>120</v>
      </c>
      <c r="C151" s="4" t="s">
        <v>121</v>
      </c>
      <c r="D151" s="59" t="s">
        <v>3334</v>
      </c>
      <c r="E151" s="113" t="s">
        <v>118</v>
      </c>
    </row>
    <row r="152" spans="1:5" ht="42.75" x14ac:dyDescent="0.25">
      <c r="A152" s="5" t="s">
        <v>122</v>
      </c>
      <c r="B152" s="100" t="s">
        <v>123</v>
      </c>
      <c r="C152" s="4" t="s">
        <v>124</v>
      </c>
      <c r="D152" s="59" t="s">
        <v>3747</v>
      </c>
      <c r="E152" s="111" t="s">
        <v>2736</v>
      </c>
    </row>
    <row r="153" spans="1:5" ht="63.75" x14ac:dyDescent="0.25">
      <c r="A153" s="5" t="s">
        <v>125</v>
      </c>
      <c r="B153" s="100" t="s">
        <v>126</v>
      </c>
      <c r="C153" s="4" t="s">
        <v>130</v>
      </c>
      <c r="D153" s="59" t="s">
        <v>3335</v>
      </c>
      <c r="E153" s="111" t="s">
        <v>2736</v>
      </c>
    </row>
    <row r="154" spans="1:5" ht="57" x14ac:dyDescent="0.25">
      <c r="A154" s="5" t="s">
        <v>127</v>
      </c>
      <c r="B154" s="100" t="s">
        <v>128</v>
      </c>
      <c r="C154" s="4" t="s">
        <v>129</v>
      </c>
      <c r="D154" s="59" t="s">
        <v>3336</v>
      </c>
      <c r="E154" s="111" t="s">
        <v>2737</v>
      </c>
    </row>
    <row r="155" spans="1:5" ht="71.25" x14ac:dyDescent="0.25">
      <c r="A155" s="21" t="s">
        <v>934</v>
      </c>
      <c r="B155" s="100" t="s">
        <v>132</v>
      </c>
      <c r="C155" s="4" t="s">
        <v>133</v>
      </c>
      <c r="D155" s="149" t="s">
        <v>3335</v>
      </c>
      <c r="E155" s="111" t="s">
        <v>2736</v>
      </c>
    </row>
    <row r="156" spans="1:5" ht="114" x14ac:dyDescent="0.25">
      <c r="A156" s="150" t="s">
        <v>3338</v>
      </c>
      <c r="B156" s="143" t="s">
        <v>3339</v>
      </c>
      <c r="C156" s="144" t="s">
        <v>3340</v>
      </c>
      <c r="D156" s="149" t="s">
        <v>3341</v>
      </c>
      <c r="E156" s="145" t="s">
        <v>2736</v>
      </c>
    </row>
    <row r="157" spans="1:5" x14ac:dyDescent="0.25">
      <c r="A157" s="272" t="s">
        <v>136</v>
      </c>
      <c r="B157" s="272"/>
      <c r="D157" s="60"/>
      <c r="E157" s="113"/>
    </row>
    <row r="158" spans="1:5" ht="99.75" x14ac:dyDescent="0.25">
      <c r="A158" s="5" t="s">
        <v>135</v>
      </c>
      <c r="B158" s="100" t="s">
        <v>136</v>
      </c>
      <c r="C158" s="4" t="s">
        <v>137</v>
      </c>
      <c r="D158" s="59" t="s">
        <v>3342</v>
      </c>
      <c r="E158" s="111" t="s">
        <v>3100</v>
      </c>
    </row>
    <row r="159" spans="1:5" ht="85.5" x14ac:dyDescent="0.25">
      <c r="A159" s="5" t="s">
        <v>3040</v>
      </c>
      <c r="B159" s="100" t="s">
        <v>3041</v>
      </c>
      <c r="C159" s="5" t="s">
        <v>3042</v>
      </c>
      <c r="D159" s="59" t="s">
        <v>3344</v>
      </c>
      <c r="E159" s="113" t="s">
        <v>2741</v>
      </c>
    </row>
    <row r="160" spans="1:5" x14ac:dyDescent="0.25">
      <c r="A160" s="272" t="s">
        <v>138</v>
      </c>
      <c r="B160" s="272"/>
      <c r="D160" s="60"/>
      <c r="E160" s="113"/>
    </row>
    <row r="161" spans="1:5" ht="42.75" x14ac:dyDescent="0.25">
      <c r="A161" s="5" t="s">
        <v>139</v>
      </c>
      <c r="B161" s="100" t="s">
        <v>138</v>
      </c>
      <c r="C161" s="4" t="s">
        <v>140</v>
      </c>
      <c r="D161" s="59" t="s">
        <v>3346</v>
      </c>
      <c r="E161" s="111" t="s">
        <v>2703</v>
      </c>
    </row>
    <row r="162" spans="1:5" x14ac:dyDescent="0.25">
      <c r="A162" s="21"/>
      <c r="B162" s="100"/>
      <c r="D162" s="60"/>
      <c r="E162" s="113"/>
    </row>
    <row r="163" spans="1:5" x14ac:dyDescent="0.25">
      <c r="A163" s="272" t="s">
        <v>141</v>
      </c>
      <c r="B163" s="272"/>
      <c r="D163" s="60"/>
      <c r="E163" s="113"/>
    </row>
    <row r="164" spans="1:5" ht="25.5" x14ac:dyDescent="0.25">
      <c r="A164" s="5" t="s">
        <v>142</v>
      </c>
      <c r="B164" s="100" t="s">
        <v>3348</v>
      </c>
      <c r="C164" s="4" t="s">
        <v>143</v>
      </c>
      <c r="D164" s="59" t="s">
        <v>3347</v>
      </c>
      <c r="E164" s="111" t="s">
        <v>2734</v>
      </c>
    </row>
    <row r="165" spans="1:5" ht="26.25" customHeight="1" x14ac:dyDescent="0.25">
      <c r="A165" s="21"/>
      <c r="B165" s="100"/>
      <c r="D165" s="60"/>
      <c r="E165" s="113"/>
    </row>
    <row r="166" spans="1:5" x14ac:dyDescent="0.25">
      <c r="A166" s="272" t="s">
        <v>935</v>
      </c>
      <c r="B166" s="272"/>
      <c r="D166" s="60"/>
      <c r="E166" s="113"/>
    </row>
    <row r="167" spans="1:5" ht="42.75" x14ac:dyDescent="0.25">
      <c r="A167" s="5" t="s">
        <v>144</v>
      </c>
      <c r="B167" s="100" t="s">
        <v>3349</v>
      </c>
      <c r="C167" s="4" t="s">
        <v>145</v>
      </c>
      <c r="D167" s="149" t="s">
        <v>3347</v>
      </c>
      <c r="E167" s="111" t="s">
        <v>2734</v>
      </c>
    </row>
    <row r="168" spans="1:5" x14ac:dyDescent="0.25">
      <c r="A168" s="21"/>
      <c r="B168" s="100"/>
      <c r="D168" s="60"/>
      <c r="E168" s="113"/>
    </row>
    <row r="169" spans="1:5" x14ac:dyDescent="0.25">
      <c r="A169" s="272" t="s">
        <v>147</v>
      </c>
      <c r="B169" s="272"/>
      <c r="D169" s="60"/>
      <c r="E169" s="113"/>
    </row>
    <row r="170" spans="1:5" ht="85.5" x14ac:dyDescent="0.25">
      <c r="A170" s="5" t="s">
        <v>146</v>
      </c>
      <c r="B170" s="100" t="s">
        <v>147</v>
      </c>
      <c r="C170" s="5" t="s">
        <v>148</v>
      </c>
      <c r="D170" s="149" t="s">
        <v>3347</v>
      </c>
      <c r="E170" s="111" t="s">
        <v>2734</v>
      </c>
    </row>
    <row r="171" spans="1:5" x14ac:dyDescent="0.25">
      <c r="A171" s="21"/>
      <c r="B171" s="100"/>
      <c r="D171" s="60"/>
      <c r="E171" s="113"/>
    </row>
    <row r="172" spans="1:5" x14ac:dyDescent="0.25">
      <c r="A172" s="272" t="s">
        <v>936</v>
      </c>
      <c r="B172" s="272"/>
      <c r="D172" s="60"/>
      <c r="E172" s="113"/>
    </row>
    <row r="173" spans="1:5" ht="42.75" x14ac:dyDescent="0.25">
      <c r="A173" s="5" t="s">
        <v>149</v>
      </c>
      <c r="B173" s="100" t="s">
        <v>150</v>
      </c>
      <c r="C173" s="4" t="s">
        <v>151</v>
      </c>
      <c r="D173" s="59" t="s">
        <v>3351</v>
      </c>
      <c r="E173" s="111" t="s">
        <v>2734</v>
      </c>
    </row>
    <row r="174" spans="1:5" ht="28.5" x14ac:dyDescent="0.25">
      <c r="A174" s="142" t="s">
        <v>3354</v>
      </c>
      <c r="B174" s="143" t="s">
        <v>3355</v>
      </c>
      <c r="C174" s="144" t="s">
        <v>3357</v>
      </c>
      <c r="D174" s="149" t="s">
        <v>3356</v>
      </c>
      <c r="E174" s="145" t="s">
        <v>2738</v>
      </c>
    </row>
    <row r="175" spans="1:5" x14ac:dyDescent="0.25">
      <c r="A175" s="21"/>
      <c r="B175" s="100"/>
      <c r="D175" s="60"/>
      <c r="E175" s="113"/>
    </row>
    <row r="176" spans="1:5" x14ac:dyDescent="0.25">
      <c r="A176" s="272" t="s">
        <v>937</v>
      </c>
      <c r="B176" s="272"/>
      <c r="D176" s="60"/>
      <c r="E176" s="113"/>
    </row>
    <row r="177" spans="1:5" x14ac:dyDescent="0.25">
      <c r="A177" s="276" t="s">
        <v>152</v>
      </c>
      <c r="B177" s="277" t="s">
        <v>153</v>
      </c>
      <c r="C177" s="278" t="s">
        <v>154</v>
      </c>
      <c r="D177" s="302" t="s">
        <v>3358</v>
      </c>
      <c r="E177" s="111" t="s">
        <v>2763</v>
      </c>
    </row>
    <row r="178" spans="1:5" ht="25.5" x14ac:dyDescent="0.25">
      <c r="A178" s="276"/>
      <c r="B178" s="277"/>
      <c r="C178" s="278"/>
      <c r="D178" s="302"/>
      <c r="E178" s="111" t="s">
        <v>2741</v>
      </c>
    </row>
    <row r="179" spans="1:5" x14ac:dyDescent="0.25">
      <c r="A179" s="21"/>
      <c r="B179" s="100"/>
      <c r="D179" s="60"/>
      <c r="E179" s="113"/>
    </row>
    <row r="180" spans="1:5" x14ac:dyDescent="0.25">
      <c r="A180" s="272" t="s">
        <v>938</v>
      </c>
      <c r="B180" s="272"/>
      <c r="D180" s="60"/>
      <c r="E180" s="113"/>
    </row>
    <row r="181" spans="1:5" ht="51" x14ac:dyDescent="0.25">
      <c r="A181" s="201" t="s">
        <v>155</v>
      </c>
      <c r="B181" s="204" t="s">
        <v>156</v>
      </c>
      <c r="C181" s="202" t="s">
        <v>157</v>
      </c>
      <c r="D181" s="197" t="s">
        <v>3619</v>
      </c>
      <c r="E181" s="203" t="s">
        <v>2741</v>
      </c>
    </row>
    <row r="182" spans="1:5" ht="42.75" x14ac:dyDescent="0.25">
      <c r="A182" s="142" t="s">
        <v>3361</v>
      </c>
      <c r="B182" s="100" t="s">
        <v>3360</v>
      </c>
      <c r="D182" s="60"/>
      <c r="E182" s="113"/>
    </row>
    <row r="183" spans="1:5" x14ac:dyDescent="0.25">
      <c r="A183" s="272" t="s">
        <v>158</v>
      </c>
      <c r="B183" s="272"/>
      <c r="D183" s="60"/>
      <c r="E183" s="113"/>
    </row>
    <row r="184" spans="1:5" ht="57" x14ac:dyDescent="0.25">
      <c r="A184" s="5" t="s">
        <v>159</v>
      </c>
      <c r="B184" s="100" t="s">
        <v>158</v>
      </c>
      <c r="C184" s="4" t="s">
        <v>160</v>
      </c>
      <c r="D184" s="59" t="s">
        <v>3362</v>
      </c>
      <c r="E184" s="111" t="s">
        <v>2711</v>
      </c>
    </row>
    <row r="185" spans="1:5" ht="28.5" x14ac:dyDescent="0.25">
      <c r="A185" s="5" t="s">
        <v>161</v>
      </c>
      <c r="B185" s="100" t="s">
        <v>162</v>
      </c>
      <c r="C185" s="4" t="s">
        <v>163</v>
      </c>
      <c r="D185" s="149" t="s">
        <v>3362</v>
      </c>
      <c r="E185" s="111" t="s">
        <v>2711</v>
      </c>
    </row>
    <row r="186" spans="1:5" ht="46.5" customHeight="1" x14ac:dyDescent="0.25">
      <c r="A186" s="5" t="s">
        <v>164</v>
      </c>
      <c r="B186" s="100" t="s">
        <v>165</v>
      </c>
      <c r="C186" s="4" t="s">
        <v>166</v>
      </c>
      <c r="D186" s="149" t="s">
        <v>3362</v>
      </c>
      <c r="E186" s="111" t="s">
        <v>2711</v>
      </c>
    </row>
    <row r="187" spans="1:5" ht="28.5" x14ac:dyDescent="0.25">
      <c r="A187" s="5" t="s">
        <v>167</v>
      </c>
      <c r="B187" s="100" t="s">
        <v>168</v>
      </c>
      <c r="C187" s="5" t="s">
        <v>169</v>
      </c>
      <c r="D187" s="149" t="s">
        <v>3362</v>
      </c>
      <c r="E187" s="111" t="s">
        <v>2711</v>
      </c>
    </row>
    <row r="188" spans="1:5" ht="57" x14ac:dyDescent="0.25">
      <c r="A188" s="5" t="s">
        <v>170</v>
      </c>
      <c r="B188" s="100" t="s">
        <v>3364</v>
      </c>
      <c r="C188" s="4" t="s">
        <v>171</v>
      </c>
      <c r="D188" s="149" t="s">
        <v>3362</v>
      </c>
      <c r="E188" s="111" t="s">
        <v>2711</v>
      </c>
    </row>
    <row r="189" spans="1:5" x14ac:dyDescent="0.25">
      <c r="A189" s="21"/>
      <c r="B189" s="100"/>
      <c r="D189" s="60"/>
      <c r="E189" s="113"/>
    </row>
    <row r="190" spans="1:5" x14ac:dyDescent="0.25">
      <c r="A190" s="272" t="s">
        <v>939</v>
      </c>
      <c r="B190" s="272"/>
      <c r="D190" s="60"/>
      <c r="E190" s="113"/>
    </row>
    <row r="191" spans="1:5" ht="42.75" x14ac:dyDescent="0.25">
      <c r="A191" s="5" t="s">
        <v>172</v>
      </c>
      <c r="B191" s="100" t="s">
        <v>173</v>
      </c>
      <c r="C191" s="4" t="s">
        <v>174</v>
      </c>
      <c r="D191" s="144" t="s">
        <v>3365</v>
      </c>
      <c r="E191" s="111" t="s">
        <v>3171</v>
      </c>
    </row>
    <row r="192" spans="1:5" ht="42.75" x14ac:dyDescent="0.25">
      <c r="A192" s="147" t="s">
        <v>175</v>
      </c>
      <c r="B192" s="148" t="s">
        <v>176</v>
      </c>
      <c r="C192" s="4" t="s">
        <v>177</v>
      </c>
      <c r="D192" s="59" t="s">
        <v>3366</v>
      </c>
      <c r="E192" s="111" t="s">
        <v>2741</v>
      </c>
    </row>
    <row r="193" spans="1:5" x14ac:dyDescent="0.25">
      <c r="A193" s="21"/>
      <c r="B193" s="100"/>
      <c r="D193" s="60"/>
      <c r="E193" s="113"/>
    </row>
    <row r="194" spans="1:5" x14ac:dyDescent="0.25">
      <c r="A194" s="272" t="s">
        <v>178</v>
      </c>
      <c r="B194" s="272"/>
      <c r="D194" s="60"/>
      <c r="E194" s="113"/>
    </row>
    <row r="195" spans="1:5" ht="57" x14ac:dyDescent="0.25">
      <c r="A195" s="5" t="s">
        <v>179</v>
      </c>
      <c r="B195" s="100" t="s">
        <v>178</v>
      </c>
      <c r="C195" s="4" t="s">
        <v>180</v>
      </c>
      <c r="D195" s="59" t="s">
        <v>3368</v>
      </c>
      <c r="E195" s="111" t="s">
        <v>2271</v>
      </c>
    </row>
    <row r="196" spans="1:5" x14ac:dyDescent="0.25">
      <c r="A196" s="21"/>
      <c r="B196" s="100"/>
      <c r="D196" s="60"/>
      <c r="E196" s="113"/>
    </row>
    <row r="197" spans="1:5" x14ac:dyDescent="0.25">
      <c r="A197" s="272" t="s">
        <v>940</v>
      </c>
      <c r="B197" s="272"/>
      <c r="D197" s="60"/>
      <c r="E197" s="113"/>
    </row>
    <row r="198" spans="1:5" ht="41.25" customHeight="1" x14ac:dyDescent="0.25">
      <c r="A198" s="5" t="s">
        <v>181</v>
      </c>
      <c r="B198" s="100" t="s">
        <v>182</v>
      </c>
      <c r="C198" s="4" t="s">
        <v>183</v>
      </c>
      <c r="D198" s="59" t="s">
        <v>3369</v>
      </c>
      <c r="E198" s="111" t="s">
        <v>2741</v>
      </c>
    </row>
    <row r="199" spans="1:5" ht="28.5" x14ac:dyDescent="0.25">
      <c r="A199" s="142" t="s">
        <v>3370</v>
      </c>
      <c r="B199" s="143" t="s">
        <v>3371</v>
      </c>
      <c r="C199" s="144" t="s">
        <v>3372</v>
      </c>
      <c r="D199" s="149"/>
      <c r="E199" s="145"/>
    </row>
    <row r="200" spans="1:5" x14ac:dyDescent="0.25">
      <c r="A200" s="21"/>
      <c r="B200" s="100"/>
      <c r="D200" s="60"/>
      <c r="E200" s="113"/>
    </row>
    <row r="201" spans="1:5" x14ac:dyDescent="0.25">
      <c r="A201" s="272" t="s">
        <v>941</v>
      </c>
      <c r="B201" s="272"/>
      <c r="D201" s="60"/>
      <c r="E201" s="113"/>
    </row>
    <row r="202" spans="1:5" ht="42.75" x14ac:dyDescent="0.25">
      <c r="A202" s="5" t="s">
        <v>184</v>
      </c>
      <c r="B202" s="100" t="s">
        <v>185</v>
      </c>
      <c r="C202" s="4" t="s">
        <v>186</v>
      </c>
      <c r="D202" s="59" t="s">
        <v>3373</v>
      </c>
      <c r="E202" s="111" t="s">
        <v>2703</v>
      </c>
    </row>
    <row r="203" spans="1:5" ht="57" x14ac:dyDescent="0.25">
      <c r="A203" s="142" t="s">
        <v>3374</v>
      </c>
      <c r="B203" s="143" t="s">
        <v>3375</v>
      </c>
      <c r="C203" s="144" t="s">
        <v>3376</v>
      </c>
      <c r="D203" s="149" t="s">
        <v>3377</v>
      </c>
      <c r="E203" s="145"/>
    </row>
    <row r="204" spans="1:5" ht="85.5" x14ac:dyDescent="0.25">
      <c r="A204" s="151" t="s">
        <v>3378</v>
      </c>
      <c r="B204" s="154" t="s">
        <v>3379</v>
      </c>
      <c r="C204" s="152" t="s">
        <v>3380</v>
      </c>
      <c r="D204" s="155" t="s">
        <v>3381</v>
      </c>
      <c r="E204" s="153" t="s">
        <v>2703</v>
      </c>
    </row>
    <row r="205" spans="1:5" ht="57" x14ac:dyDescent="0.25">
      <c r="A205" s="5" t="s">
        <v>187</v>
      </c>
      <c r="B205" s="100" t="s">
        <v>188</v>
      </c>
      <c r="C205" s="4" t="s">
        <v>2670</v>
      </c>
      <c r="D205" s="59" t="s">
        <v>3382</v>
      </c>
      <c r="E205" s="111" t="s">
        <v>2703</v>
      </c>
    </row>
    <row r="206" spans="1:5" x14ac:dyDescent="0.25">
      <c r="A206" s="264" t="s">
        <v>942</v>
      </c>
      <c r="B206" s="265"/>
      <c r="C206" s="265"/>
      <c r="D206" s="265"/>
      <c r="E206" s="266"/>
    </row>
    <row r="207" spans="1:5" ht="38.25" x14ac:dyDescent="0.25">
      <c r="A207" s="5" t="s">
        <v>189</v>
      </c>
      <c r="B207" s="100" t="s">
        <v>190</v>
      </c>
      <c r="C207" s="4" t="s">
        <v>191</v>
      </c>
      <c r="D207" s="59" t="s">
        <v>3383</v>
      </c>
      <c r="E207" s="111" t="s">
        <v>2712</v>
      </c>
    </row>
    <row r="208" spans="1:5" x14ac:dyDescent="0.25">
      <c r="A208" s="264" t="s">
        <v>943</v>
      </c>
      <c r="B208" s="265"/>
      <c r="C208" s="265"/>
      <c r="D208" s="265"/>
      <c r="E208" s="266"/>
    </row>
    <row r="209" spans="1:5" ht="42.75" x14ac:dyDescent="0.25">
      <c r="A209" s="5" t="s">
        <v>192</v>
      </c>
      <c r="B209" s="100" t="s">
        <v>193</v>
      </c>
      <c r="C209" s="4" t="s">
        <v>194</v>
      </c>
      <c r="D209" s="59" t="s">
        <v>3384</v>
      </c>
      <c r="E209" s="111" t="s">
        <v>2738</v>
      </c>
    </row>
    <row r="210" spans="1:5" ht="25.5" x14ac:dyDescent="0.25">
      <c r="A210" s="5" t="s">
        <v>195</v>
      </c>
      <c r="B210" s="100" t="s">
        <v>196</v>
      </c>
      <c r="C210" s="4" t="s">
        <v>197</v>
      </c>
      <c r="D210" s="59" t="s">
        <v>3385</v>
      </c>
      <c r="E210" s="111" t="s">
        <v>2738</v>
      </c>
    </row>
    <row r="211" spans="1:5" ht="51" x14ac:dyDescent="0.25">
      <c r="A211" s="115" t="s">
        <v>198</v>
      </c>
      <c r="B211" s="116" t="s">
        <v>199</v>
      </c>
      <c r="C211" s="117" t="s">
        <v>200</v>
      </c>
      <c r="D211" s="59" t="s">
        <v>3386</v>
      </c>
      <c r="E211" s="118" t="s">
        <v>2738</v>
      </c>
    </row>
    <row r="212" spans="1:5" ht="51" x14ac:dyDescent="0.25">
      <c r="A212" s="20" t="s">
        <v>201</v>
      </c>
      <c r="B212" s="103" t="s">
        <v>202</v>
      </c>
      <c r="C212" s="117" t="s">
        <v>2671</v>
      </c>
      <c r="D212" s="155" t="s">
        <v>3386</v>
      </c>
      <c r="E212" s="118" t="s">
        <v>2738</v>
      </c>
    </row>
    <row r="213" spans="1:5" ht="142.5" x14ac:dyDescent="0.25">
      <c r="A213" s="5" t="s">
        <v>203</v>
      </c>
      <c r="B213" s="100" t="s">
        <v>204</v>
      </c>
      <c r="C213" s="4" t="s">
        <v>205</v>
      </c>
      <c r="D213" s="152" t="s">
        <v>3387</v>
      </c>
      <c r="E213" s="111" t="s">
        <v>2712</v>
      </c>
    </row>
    <row r="214" spans="1:5" ht="71.25" x14ac:dyDescent="0.25">
      <c r="A214" s="20" t="s">
        <v>206</v>
      </c>
      <c r="B214" s="103" t="s">
        <v>207</v>
      </c>
      <c r="C214" s="75" t="s">
        <v>218</v>
      </c>
      <c r="D214" s="119" t="s">
        <v>3286</v>
      </c>
      <c r="E214" s="76" t="s">
        <v>2712</v>
      </c>
    </row>
    <row r="215" spans="1:5" ht="57" x14ac:dyDescent="0.25">
      <c r="A215" s="5" t="s">
        <v>208</v>
      </c>
      <c r="B215" s="100" t="s">
        <v>3390</v>
      </c>
      <c r="C215" s="4" t="s">
        <v>209</v>
      </c>
      <c r="D215" s="158" t="s">
        <v>3389</v>
      </c>
      <c r="E215" s="111" t="s">
        <v>2746</v>
      </c>
    </row>
    <row r="216" spans="1:5" ht="42.75" x14ac:dyDescent="0.25">
      <c r="A216" s="5" t="s">
        <v>210</v>
      </c>
      <c r="B216" s="100" t="s">
        <v>211</v>
      </c>
      <c r="C216" s="4" t="s">
        <v>212</v>
      </c>
      <c r="D216" s="158" t="s">
        <v>3391</v>
      </c>
      <c r="E216" s="111" t="s">
        <v>2738</v>
      </c>
    </row>
    <row r="217" spans="1:5" ht="42.75" x14ac:dyDescent="0.25">
      <c r="A217" s="5" t="s">
        <v>213</v>
      </c>
      <c r="B217" s="100" t="s">
        <v>214</v>
      </c>
      <c r="C217" s="4" t="s">
        <v>2672</v>
      </c>
      <c r="D217" s="158" t="s">
        <v>3356</v>
      </c>
      <c r="E217" s="111" t="s">
        <v>2738</v>
      </c>
    </row>
    <row r="218" spans="1:5" ht="114" x14ac:dyDescent="0.25">
      <c r="A218" s="5" t="s">
        <v>215</v>
      </c>
      <c r="B218" s="100" t="s">
        <v>216</v>
      </c>
      <c r="C218" s="4" t="s">
        <v>217</v>
      </c>
      <c r="D218" s="59" t="s">
        <v>3392</v>
      </c>
      <c r="E218" s="111" t="s">
        <v>2746</v>
      </c>
    </row>
    <row r="219" spans="1:5" ht="57" x14ac:dyDescent="0.25">
      <c r="A219" s="5" t="s">
        <v>219</v>
      </c>
      <c r="B219" s="100" t="s">
        <v>220</v>
      </c>
      <c r="C219" s="4" t="s">
        <v>221</v>
      </c>
      <c r="D219" s="158" t="s">
        <v>3394</v>
      </c>
      <c r="E219" s="111" t="s">
        <v>2741</v>
      </c>
    </row>
    <row r="220" spans="1:5" x14ac:dyDescent="0.25">
      <c r="A220" s="264" t="s">
        <v>944</v>
      </c>
      <c r="B220" s="265"/>
      <c r="C220" s="265"/>
      <c r="D220" s="265"/>
      <c r="E220" s="266"/>
    </row>
    <row r="221" spans="1:5" ht="57" x14ac:dyDescent="0.25">
      <c r="A221" s="5" t="s">
        <v>222</v>
      </c>
      <c r="B221" s="100" t="s">
        <v>223</v>
      </c>
      <c r="C221" s="4" t="s">
        <v>224</v>
      </c>
      <c r="D221" s="59" t="s">
        <v>3395</v>
      </c>
      <c r="E221" s="111" t="s">
        <v>2712</v>
      </c>
    </row>
    <row r="222" spans="1:5" x14ac:dyDescent="0.25">
      <c r="A222" s="264" t="s">
        <v>225</v>
      </c>
      <c r="B222" s="265"/>
      <c r="C222" s="265"/>
      <c r="D222" s="265"/>
      <c r="E222" s="266"/>
    </row>
    <row r="223" spans="1:5" ht="57" x14ac:dyDescent="0.25">
      <c r="A223" s="5" t="s">
        <v>226</v>
      </c>
      <c r="B223" s="100" t="s">
        <v>225</v>
      </c>
      <c r="C223" s="4" t="s">
        <v>227</v>
      </c>
      <c r="D223" s="161" t="s">
        <v>3396</v>
      </c>
      <c r="E223" s="111" t="s">
        <v>2738</v>
      </c>
    </row>
    <row r="224" spans="1:5" ht="42.75" x14ac:dyDescent="0.25">
      <c r="A224" s="20" t="s">
        <v>228</v>
      </c>
      <c r="B224" s="103" t="s">
        <v>229</v>
      </c>
      <c r="C224" s="75" t="s">
        <v>2673</v>
      </c>
      <c r="D224" s="158" t="s">
        <v>3397</v>
      </c>
      <c r="E224" s="76" t="s">
        <v>2738</v>
      </c>
    </row>
    <row r="225" spans="1:5" ht="125.25" customHeight="1" x14ac:dyDescent="0.25">
      <c r="A225" s="264" t="s">
        <v>230</v>
      </c>
      <c r="B225" s="265"/>
      <c r="C225" s="265"/>
      <c r="D225" s="265"/>
      <c r="E225" s="266"/>
    </row>
    <row r="226" spans="1:5" ht="71.25" x14ac:dyDescent="0.25">
      <c r="A226" s="5" t="s">
        <v>231</v>
      </c>
      <c r="B226" s="100" t="s">
        <v>230</v>
      </c>
      <c r="C226" s="4" t="s">
        <v>232</v>
      </c>
      <c r="D226" s="158" t="s">
        <v>3400</v>
      </c>
      <c r="E226" s="111" t="s">
        <v>2763</v>
      </c>
    </row>
    <row r="227" spans="1:5" x14ac:dyDescent="0.25">
      <c r="A227" s="21"/>
      <c r="B227" s="100"/>
      <c r="D227" s="60"/>
      <c r="E227" s="113"/>
    </row>
    <row r="228" spans="1:5" ht="150.75" customHeight="1" x14ac:dyDescent="0.25">
      <c r="A228" s="272" t="s">
        <v>945</v>
      </c>
      <c r="B228" s="272"/>
      <c r="D228" s="60"/>
      <c r="E228" s="113"/>
    </row>
    <row r="229" spans="1:5" ht="85.5" x14ac:dyDescent="0.25">
      <c r="A229" s="5" t="s">
        <v>233</v>
      </c>
      <c r="B229" s="100" t="s">
        <v>234</v>
      </c>
      <c r="C229" s="4" t="s">
        <v>235</v>
      </c>
      <c r="D229" s="158" t="s">
        <v>3401</v>
      </c>
      <c r="E229" s="111" t="s">
        <v>2712</v>
      </c>
    </row>
    <row r="230" spans="1:5" ht="42.75" x14ac:dyDescent="0.25">
      <c r="A230" s="5" t="s">
        <v>236</v>
      </c>
      <c r="B230" s="100" t="s">
        <v>237</v>
      </c>
      <c r="C230" s="4" t="s">
        <v>2674</v>
      </c>
      <c r="D230" s="158" t="s">
        <v>3401</v>
      </c>
      <c r="E230" s="111" t="s">
        <v>2712</v>
      </c>
    </row>
    <row r="231" spans="1:5" x14ac:dyDescent="0.25">
      <c r="A231" s="21"/>
      <c r="B231" s="100"/>
      <c r="D231" s="60"/>
      <c r="E231" s="113"/>
    </row>
    <row r="232" spans="1:5" x14ac:dyDescent="0.25">
      <c r="A232" s="272" t="s">
        <v>946</v>
      </c>
      <c r="B232" s="272"/>
      <c r="D232" s="60"/>
      <c r="E232" s="113"/>
    </row>
    <row r="233" spans="1:5" ht="42.75" x14ac:dyDescent="0.25">
      <c r="A233" s="5" t="s">
        <v>238</v>
      </c>
      <c r="B233" s="100" t="s">
        <v>239</v>
      </c>
      <c r="C233" s="4" t="s">
        <v>240</v>
      </c>
      <c r="D233" s="158" t="s">
        <v>3401</v>
      </c>
      <c r="E233" s="111" t="s">
        <v>2712</v>
      </c>
    </row>
    <row r="234" spans="1:5" ht="42.75" x14ac:dyDescent="0.25">
      <c r="A234" s="5" t="s">
        <v>241</v>
      </c>
      <c r="B234" s="100" t="s">
        <v>242</v>
      </c>
      <c r="C234" s="4" t="s">
        <v>243</v>
      </c>
      <c r="D234" s="59" t="s">
        <v>3402</v>
      </c>
      <c r="E234" s="111" t="s">
        <v>2741</v>
      </c>
    </row>
    <row r="235" spans="1:5" x14ac:dyDescent="0.25">
      <c r="A235" s="21"/>
      <c r="B235" s="100"/>
      <c r="D235" s="60"/>
      <c r="E235" s="113"/>
    </row>
    <row r="236" spans="1:5" x14ac:dyDescent="0.25">
      <c r="A236" s="272" t="s">
        <v>947</v>
      </c>
      <c r="B236" s="272"/>
      <c r="D236" s="60"/>
      <c r="E236" s="113"/>
    </row>
    <row r="237" spans="1:5" ht="114" x14ac:dyDescent="0.25">
      <c r="A237" s="5" t="s">
        <v>244</v>
      </c>
      <c r="B237" s="100" t="s">
        <v>245</v>
      </c>
      <c r="C237" s="4" t="s">
        <v>246</v>
      </c>
      <c r="D237" s="158" t="s">
        <v>3403</v>
      </c>
      <c r="E237" s="113" t="s">
        <v>2749</v>
      </c>
    </row>
    <row r="238" spans="1:5" x14ac:dyDescent="0.25">
      <c r="A238" s="21"/>
      <c r="B238" s="100"/>
      <c r="D238" s="60"/>
      <c r="E238" s="113"/>
    </row>
    <row r="239" spans="1:5" x14ac:dyDescent="0.25">
      <c r="A239" s="272" t="s">
        <v>948</v>
      </c>
      <c r="B239" s="272"/>
      <c r="D239" s="60"/>
      <c r="E239" s="113"/>
    </row>
    <row r="240" spans="1:5" ht="48.75" customHeight="1" x14ac:dyDescent="0.25">
      <c r="A240" s="5" t="s">
        <v>247</v>
      </c>
      <c r="B240" s="100" t="s">
        <v>248</v>
      </c>
      <c r="C240" s="4" t="s">
        <v>2679</v>
      </c>
      <c r="D240" s="59" t="s">
        <v>2906</v>
      </c>
      <c r="E240" s="113" t="s">
        <v>2907</v>
      </c>
    </row>
    <row r="241" spans="1:5" x14ac:dyDescent="0.25">
      <c r="A241" s="303"/>
      <c r="B241" s="277"/>
      <c r="C241" s="278"/>
      <c r="D241" s="279"/>
      <c r="E241" s="281"/>
    </row>
    <row r="242" spans="1:5" x14ac:dyDescent="0.25">
      <c r="A242" s="303"/>
      <c r="B242" s="277"/>
      <c r="C242" s="278"/>
      <c r="D242" s="279"/>
      <c r="E242" s="281"/>
    </row>
    <row r="243" spans="1:5" x14ac:dyDescent="0.25">
      <c r="A243" s="272" t="s">
        <v>949</v>
      </c>
      <c r="B243" s="272"/>
      <c r="D243" s="60"/>
      <c r="E243" s="113"/>
    </row>
    <row r="244" spans="1:5" ht="99.75" x14ac:dyDescent="0.25">
      <c r="A244" s="5" t="s">
        <v>249</v>
      </c>
      <c r="B244" s="100" t="s">
        <v>250</v>
      </c>
      <c r="C244" s="4" t="s">
        <v>251</v>
      </c>
      <c r="D244" s="60" t="s">
        <v>2697</v>
      </c>
      <c r="E244" s="113" t="s">
        <v>1690</v>
      </c>
    </row>
    <row r="245" spans="1:5" ht="57" x14ac:dyDescent="0.25">
      <c r="A245" s="5" t="s">
        <v>252</v>
      </c>
      <c r="B245" s="100" t="s">
        <v>253</v>
      </c>
      <c r="C245" s="4" t="s">
        <v>2698</v>
      </c>
      <c r="D245" s="60" t="s">
        <v>3404</v>
      </c>
      <c r="E245" s="113" t="s">
        <v>3082</v>
      </c>
    </row>
    <row r="246" spans="1:5" ht="42.75" x14ac:dyDescent="0.25">
      <c r="A246" s="5" t="s">
        <v>254</v>
      </c>
      <c r="B246" s="100" t="s">
        <v>255</v>
      </c>
      <c r="C246" s="4" t="s">
        <v>2699</v>
      </c>
      <c r="D246" s="158" t="s">
        <v>2777</v>
      </c>
      <c r="E246" s="113" t="s">
        <v>3082</v>
      </c>
    </row>
    <row r="247" spans="1:5" x14ac:dyDescent="0.25">
      <c r="A247" s="21"/>
      <c r="B247" s="100"/>
      <c r="D247" s="60"/>
      <c r="E247" s="113"/>
    </row>
    <row r="248" spans="1:5" x14ac:dyDescent="0.25">
      <c r="A248" s="272" t="s">
        <v>256</v>
      </c>
      <c r="B248" s="272"/>
      <c r="D248" s="60"/>
      <c r="E248" s="113"/>
    </row>
    <row r="249" spans="1:5" ht="42.75" x14ac:dyDescent="0.25">
      <c r="A249" s="5" t="s">
        <v>257</v>
      </c>
      <c r="B249" s="100" t="s">
        <v>256</v>
      </c>
      <c r="C249" s="4" t="s">
        <v>258</v>
      </c>
      <c r="D249" s="59" t="s">
        <v>3405</v>
      </c>
      <c r="E249" s="111" t="s">
        <v>2769</v>
      </c>
    </row>
    <row r="250" spans="1:5" x14ac:dyDescent="0.25">
      <c r="A250" s="21"/>
      <c r="B250" s="100"/>
      <c r="D250" s="60"/>
      <c r="E250" s="113"/>
    </row>
    <row r="251" spans="1:5" x14ac:dyDescent="0.25">
      <c r="A251" s="272" t="s">
        <v>259</v>
      </c>
      <c r="B251" s="272"/>
      <c r="D251" s="60"/>
      <c r="E251" s="113"/>
    </row>
    <row r="252" spans="1:5" ht="42.75" x14ac:dyDescent="0.25">
      <c r="A252" s="5" t="s">
        <v>260</v>
      </c>
      <c r="B252" s="100" t="s">
        <v>259</v>
      </c>
      <c r="C252" s="4" t="s">
        <v>261</v>
      </c>
      <c r="D252" s="59" t="s">
        <v>3407</v>
      </c>
      <c r="E252" s="111" t="s">
        <v>2738</v>
      </c>
    </row>
    <row r="253" spans="1:5" x14ac:dyDescent="0.25">
      <c r="A253" s="21"/>
      <c r="B253" s="100"/>
      <c r="D253" s="60"/>
      <c r="E253" s="113"/>
    </row>
    <row r="254" spans="1:5" x14ac:dyDescent="0.25">
      <c r="A254" s="272" t="s">
        <v>950</v>
      </c>
      <c r="B254" s="272"/>
      <c r="D254" s="60"/>
      <c r="E254" s="113"/>
    </row>
    <row r="255" spans="1:5" ht="71.25" x14ac:dyDescent="0.25">
      <c r="A255" s="5">
        <v>6401</v>
      </c>
      <c r="B255" s="100" t="s">
        <v>262</v>
      </c>
      <c r="C255" s="5" t="s">
        <v>263</v>
      </c>
      <c r="D255" s="158" t="s">
        <v>3408</v>
      </c>
      <c r="E255" s="111" t="s">
        <v>2769</v>
      </c>
    </row>
    <row r="256" spans="1:5" x14ac:dyDescent="0.25">
      <c r="A256" s="272" t="s">
        <v>266</v>
      </c>
      <c r="B256" s="272"/>
      <c r="D256" s="60"/>
      <c r="E256" s="113"/>
    </row>
    <row r="257" spans="1:5" ht="57" x14ac:dyDescent="0.25">
      <c r="A257" s="123" t="s">
        <v>265</v>
      </c>
      <c r="B257" s="124" t="s">
        <v>266</v>
      </c>
      <c r="C257" s="125" t="s">
        <v>267</v>
      </c>
      <c r="D257" s="158" t="s">
        <v>3410</v>
      </c>
      <c r="E257" s="111" t="s">
        <v>3292</v>
      </c>
    </row>
    <row r="258" spans="1:5" ht="57" x14ac:dyDescent="0.25">
      <c r="A258" s="123" t="s">
        <v>268</v>
      </c>
      <c r="B258" s="124" t="s">
        <v>269</v>
      </c>
      <c r="C258" s="125" t="s">
        <v>270</v>
      </c>
      <c r="D258" s="158" t="s">
        <v>3410</v>
      </c>
      <c r="E258" s="111" t="s">
        <v>3292</v>
      </c>
    </row>
    <row r="259" spans="1:5" ht="85.5" x14ac:dyDescent="0.25">
      <c r="A259" s="123" t="s">
        <v>271</v>
      </c>
      <c r="B259" s="124" t="s">
        <v>272</v>
      </c>
      <c r="C259" s="125" t="s">
        <v>273</v>
      </c>
      <c r="D259" s="158" t="s">
        <v>3410</v>
      </c>
      <c r="E259" s="111" t="s">
        <v>3292</v>
      </c>
    </row>
    <row r="260" spans="1:5" x14ac:dyDescent="0.25">
      <c r="A260" s="272" t="s">
        <v>951</v>
      </c>
      <c r="B260" s="272"/>
      <c r="D260" s="60"/>
      <c r="E260" s="113"/>
    </row>
    <row r="261" spans="1:5" ht="42.75" x14ac:dyDescent="0.25">
      <c r="A261" s="5" t="s">
        <v>274</v>
      </c>
      <c r="B261" s="100" t="s">
        <v>275</v>
      </c>
      <c r="C261" s="4" t="s">
        <v>2675</v>
      </c>
      <c r="D261" s="158" t="s">
        <v>3412</v>
      </c>
      <c r="E261" s="111" t="s">
        <v>2712</v>
      </c>
    </row>
    <row r="262" spans="1:5" ht="42.75" x14ac:dyDescent="0.25">
      <c r="A262" s="5" t="s">
        <v>276</v>
      </c>
      <c r="B262" s="100" t="s">
        <v>277</v>
      </c>
      <c r="D262" s="158" t="s">
        <v>3412</v>
      </c>
      <c r="E262" s="113"/>
    </row>
    <row r="263" spans="1:5" x14ac:dyDescent="0.25">
      <c r="A263" s="264" t="s">
        <v>952</v>
      </c>
      <c r="B263" s="265"/>
      <c r="C263" s="265"/>
      <c r="D263" s="265"/>
      <c r="E263" s="266"/>
    </row>
    <row r="264" spans="1:5" ht="51" x14ac:dyDescent="0.25">
      <c r="A264" s="5" t="s">
        <v>278</v>
      </c>
      <c r="B264" s="100" t="s">
        <v>279</v>
      </c>
      <c r="C264" s="4" t="s">
        <v>2676</v>
      </c>
      <c r="D264" s="60" t="s">
        <v>3413</v>
      </c>
      <c r="E264" s="111" t="s">
        <v>2712</v>
      </c>
    </row>
    <row r="265" spans="1:5" ht="84" customHeight="1" x14ac:dyDescent="0.25">
      <c r="A265" s="264" t="s">
        <v>280</v>
      </c>
      <c r="B265" s="265"/>
      <c r="C265" s="265"/>
      <c r="D265" s="265"/>
      <c r="E265" s="266"/>
    </row>
    <row r="266" spans="1:5" ht="57" x14ac:dyDescent="0.25">
      <c r="A266" s="5" t="s">
        <v>281</v>
      </c>
      <c r="B266" s="100" t="s">
        <v>280</v>
      </c>
      <c r="C266" s="4" t="s">
        <v>282</v>
      </c>
      <c r="D266" s="158" t="s">
        <v>3414</v>
      </c>
      <c r="E266" s="111" t="s">
        <v>2769</v>
      </c>
    </row>
    <row r="267" spans="1:5" ht="57" x14ac:dyDescent="0.25">
      <c r="A267" s="5" t="s">
        <v>283</v>
      </c>
      <c r="B267" s="100" t="s">
        <v>284</v>
      </c>
      <c r="C267" s="4" t="s">
        <v>285</v>
      </c>
      <c r="D267" s="158" t="s">
        <v>3414</v>
      </c>
      <c r="E267" s="111" t="s">
        <v>2769</v>
      </c>
    </row>
    <row r="268" spans="1:5" ht="57" x14ac:dyDescent="0.25">
      <c r="A268" s="5" t="s">
        <v>286</v>
      </c>
      <c r="B268" s="100" t="s">
        <v>287</v>
      </c>
      <c r="C268" s="5" t="s">
        <v>288</v>
      </c>
      <c r="D268" s="158" t="s">
        <v>3414</v>
      </c>
      <c r="E268" s="111" t="s">
        <v>2769</v>
      </c>
    </row>
    <row r="269" spans="1:5" ht="57" x14ac:dyDescent="0.25">
      <c r="A269" s="5" t="s">
        <v>289</v>
      </c>
      <c r="B269" s="100" t="s">
        <v>290</v>
      </c>
      <c r="C269" s="4" t="s">
        <v>291</v>
      </c>
      <c r="D269" s="158" t="s">
        <v>3414</v>
      </c>
      <c r="E269" s="111" t="s">
        <v>2769</v>
      </c>
    </row>
    <row r="270" spans="1:5" ht="57" x14ac:dyDescent="0.25">
      <c r="A270" s="5" t="s">
        <v>292</v>
      </c>
      <c r="B270" s="100" t="s">
        <v>293</v>
      </c>
      <c r="C270" s="4" t="s">
        <v>294</v>
      </c>
      <c r="D270" s="158" t="s">
        <v>3414</v>
      </c>
      <c r="E270" s="111" t="s">
        <v>2769</v>
      </c>
    </row>
    <row r="271" spans="1:5" x14ac:dyDescent="0.25">
      <c r="A271" s="264" t="s">
        <v>295</v>
      </c>
      <c r="B271" s="265"/>
      <c r="C271" s="265"/>
      <c r="D271" s="265"/>
      <c r="E271" s="266"/>
    </row>
    <row r="272" spans="1:5" ht="57" x14ac:dyDescent="0.25">
      <c r="A272" s="5" t="s">
        <v>296</v>
      </c>
      <c r="B272" s="100" t="s">
        <v>295</v>
      </c>
      <c r="C272" s="4" t="s">
        <v>297</v>
      </c>
      <c r="D272" s="158" t="s">
        <v>3414</v>
      </c>
      <c r="E272" s="111" t="s">
        <v>2769</v>
      </c>
    </row>
    <row r="273" spans="1:5" x14ac:dyDescent="0.25">
      <c r="A273" s="264" t="s">
        <v>953</v>
      </c>
      <c r="B273" s="265"/>
      <c r="C273" s="265"/>
      <c r="D273" s="265"/>
      <c r="E273" s="266"/>
    </row>
    <row r="274" spans="1:5" ht="57" x14ac:dyDescent="0.25">
      <c r="A274" s="5" t="s">
        <v>298</v>
      </c>
      <c r="B274" s="100" t="s">
        <v>299</v>
      </c>
      <c r="C274" s="4" t="s">
        <v>2677</v>
      </c>
      <c r="D274" s="158" t="s">
        <v>3414</v>
      </c>
      <c r="E274" s="111" t="s">
        <v>2769</v>
      </c>
    </row>
    <row r="275" spans="1:5" ht="57" x14ac:dyDescent="0.25">
      <c r="A275" s="5" t="s">
        <v>300</v>
      </c>
      <c r="B275" s="100" t="s">
        <v>301</v>
      </c>
      <c r="C275" s="4" t="s">
        <v>302</v>
      </c>
      <c r="D275" s="158" t="s">
        <v>3414</v>
      </c>
      <c r="E275" s="111" t="s">
        <v>2769</v>
      </c>
    </row>
    <row r="276" spans="1:5" ht="57" x14ac:dyDescent="0.25">
      <c r="A276" s="5" t="s">
        <v>303</v>
      </c>
      <c r="B276" s="100" t="s">
        <v>304</v>
      </c>
      <c r="C276" s="4" t="s">
        <v>305</v>
      </c>
      <c r="D276" s="158" t="s">
        <v>3414</v>
      </c>
      <c r="E276" s="111" t="s">
        <v>2769</v>
      </c>
    </row>
    <row r="277" spans="1:5" ht="99.75" x14ac:dyDescent="0.25">
      <c r="A277" s="5" t="s">
        <v>306</v>
      </c>
      <c r="B277" s="100" t="s">
        <v>307</v>
      </c>
      <c r="C277" s="205" t="s">
        <v>2667</v>
      </c>
      <c r="D277" s="59" t="s">
        <v>3415</v>
      </c>
      <c r="E277" s="111" t="s">
        <v>2752</v>
      </c>
    </row>
    <row r="278" spans="1:5" ht="71.25" x14ac:dyDescent="0.25">
      <c r="A278" s="156" t="s">
        <v>3416</v>
      </c>
      <c r="B278" s="157" t="s">
        <v>3417</v>
      </c>
      <c r="C278" s="158" t="s">
        <v>3418</v>
      </c>
      <c r="D278" s="161" t="s">
        <v>3419</v>
      </c>
      <c r="E278" s="160" t="s">
        <v>3498</v>
      </c>
    </row>
    <row r="279" spans="1:5" ht="28.5" x14ac:dyDescent="0.25">
      <c r="A279" s="5" t="s">
        <v>308</v>
      </c>
      <c r="B279" s="100" t="s">
        <v>309</v>
      </c>
      <c r="C279" s="4" t="s">
        <v>2709</v>
      </c>
      <c r="D279" s="59" t="s">
        <v>2710</v>
      </c>
      <c r="E279" s="111" t="s">
        <v>2711</v>
      </c>
    </row>
    <row r="280" spans="1:5" ht="57" x14ac:dyDescent="0.25">
      <c r="A280" s="5" t="s">
        <v>310</v>
      </c>
      <c r="B280" s="100" t="s">
        <v>311</v>
      </c>
      <c r="C280" s="4" t="s">
        <v>312</v>
      </c>
      <c r="D280" s="158" t="s">
        <v>3420</v>
      </c>
      <c r="E280" s="111" t="s">
        <v>2769</v>
      </c>
    </row>
    <row r="281" spans="1:5" x14ac:dyDescent="0.25">
      <c r="A281" s="264" t="s">
        <v>954</v>
      </c>
      <c r="B281" s="265"/>
      <c r="C281" s="265"/>
      <c r="D281" s="265"/>
      <c r="E281" s="266"/>
    </row>
    <row r="282" spans="1:5" ht="57" x14ac:dyDescent="0.25">
      <c r="A282" s="5" t="s">
        <v>313</v>
      </c>
      <c r="B282" s="100" t="s">
        <v>314</v>
      </c>
      <c r="C282" s="4" t="s">
        <v>315</v>
      </c>
      <c r="D282" s="158" t="s">
        <v>3421</v>
      </c>
      <c r="E282" s="111" t="s">
        <v>2769</v>
      </c>
    </row>
    <row r="283" spans="1:5" ht="57" x14ac:dyDescent="0.25">
      <c r="A283" s="5" t="s">
        <v>317</v>
      </c>
      <c r="B283" s="100" t="s">
        <v>318</v>
      </c>
      <c r="C283" s="4" t="s">
        <v>319</v>
      </c>
      <c r="D283" s="158" t="s">
        <v>3421</v>
      </c>
      <c r="E283" s="111" t="s">
        <v>2769</v>
      </c>
    </row>
    <row r="284" spans="1:5" ht="71.25" x14ac:dyDescent="0.25">
      <c r="A284" s="5" t="s">
        <v>320</v>
      </c>
      <c r="B284" s="100" t="s">
        <v>321</v>
      </c>
      <c r="C284" s="5" t="s">
        <v>2700</v>
      </c>
      <c r="D284" s="158" t="s">
        <v>3423</v>
      </c>
      <c r="E284" s="111" t="s">
        <v>2769</v>
      </c>
    </row>
    <row r="285" spans="1:5" ht="57" x14ac:dyDescent="0.25">
      <c r="A285" s="5" t="s">
        <v>322</v>
      </c>
      <c r="B285" s="100" t="s">
        <v>323</v>
      </c>
      <c r="C285" s="4" t="s">
        <v>324</v>
      </c>
      <c r="D285" s="158" t="s">
        <v>3421</v>
      </c>
      <c r="E285" s="111" t="s">
        <v>2769</v>
      </c>
    </row>
    <row r="286" spans="1:5" ht="57" x14ac:dyDescent="0.25">
      <c r="A286" s="5" t="s">
        <v>325</v>
      </c>
      <c r="B286" s="100" t="s">
        <v>326</v>
      </c>
      <c r="C286" s="4" t="s">
        <v>327</v>
      </c>
      <c r="D286" s="158" t="s">
        <v>3421</v>
      </c>
      <c r="E286" s="111" t="s">
        <v>2769</v>
      </c>
    </row>
    <row r="287" spans="1:5" ht="57" x14ac:dyDescent="0.25">
      <c r="A287" s="5" t="s">
        <v>328</v>
      </c>
      <c r="B287" s="100" t="s">
        <v>329</v>
      </c>
      <c r="C287" s="4" t="s">
        <v>330</v>
      </c>
      <c r="D287" s="158" t="s">
        <v>3421</v>
      </c>
      <c r="E287" s="111" t="s">
        <v>2769</v>
      </c>
    </row>
    <row r="288" spans="1:5" ht="42.75" x14ac:dyDescent="0.25">
      <c r="A288" s="123" t="s">
        <v>331</v>
      </c>
      <c r="B288" s="124" t="s">
        <v>332</v>
      </c>
      <c r="C288" s="125" t="s">
        <v>333</v>
      </c>
      <c r="D288" s="128" t="s">
        <v>3425</v>
      </c>
      <c r="E288" s="111" t="s">
        <v>3291</v>
      </c>
    </row>
    <row r="289" spans="1:5" ht="81.75" customHeight="1" x14ac:dyDescent="0.25">
      <c r="A289" s="264" t="s">
        <v>955</v>
      </c>
      <c r="B289" s="265"/>
      <c r="C289" s="265"/>
      <c r="D289" s="265"/>
      <c r="E289" s="266"/>
    </row>
    <row r="290" spans="1:5" ht="51" x14ac:dyDescent="0.25">
      <c r="A290" s="123" t="s">
        <v>334</v>
      </c>
      <c r="B290" s="124" t="s">
        <v>335</v>
      </c>
      <c r="C290" s="125" t="s">
        <v>336</v>
      </c>
      <c r="D290" s="161" t="s">
        <v>3426</v>
      </c>
      <c r="E290" s="127" t="s">
        <v>2738</v>
      </c>
    </row>
    <row r="291" spans="1:5" ht="51" x14ac:dyDescent="0.25">
      <c r="A291" s="123" t="s">
        <v>337</v>
      </c>
      <c r="B291" s="124" t="s">
        <v>338</v>
      </c>
      <c r="C291" s="125" t="s">
        <v>339</v>
      </c>
      <c r="D291" s="161" t="s">
        <v>3426</v>
      </c>
      <c r="E291" s="127" t="s">
        <v>2738</v>
      </c>
    </row>
    <row r="292" spans="1:5" s="1" customFormat="1" ht="57" x14ac:dyDescent="0.2">
      <c r="A292" s="123" t="s">
        <v>340</v>
      </c>
      <c r="B292" s="124" t="s">
        <v>341</v>
      </c>
      <c r="C292" s="125" t="s">
        <v>342</v>
      </c>
      <c r="D292" s="161" t="s">
        <v>3426</v>
      </c>
      <c r="E292" s="127" t="s">
        <v>2738</v>
      </c>
    </row>
    <row r="293" spans="1:5" s="1" customFormat="1" ht="14.25" x14ac:dyDescent="0.2">
      <c r="A293" s="264" t="s">
        <v>956</v>
      </c>
      <c r="B293" s="265"/>
      <c r="C293" s="265"/>
      <c r="D293" s="265"/>
      <c r="E293" s="266"/>
    </row>
    <row r="294" spans="1:5" s="1" customFormat="1" ht="57" x14ac:dyDescent="0.2">
      <c r="A294" s="123" t="s">
        <v>343</v>
      </c>
      <c r="B294" s="124" t="s">
        <v>344</v>
      </c>
      <c r="C294" s="125" t="s">
        <v>345</v>
      </c>
      <c r="D294" s="161" t="s">
        <v>3426</v>
      </c>
      <c r="E294" s="127" t="s">
        <v>2738</v>
      </c>
    </row>
    <row r="295" spans="1:5" x14ac:dyDescent="0.25">
      <c r="A295" s="272" t="s">
        <v>957</v>
      </c>
      <c r="B295" s="272"/>
      <c r="D295" s="60"/>
      <c r="E295" s="113"/>
    </row>
    <row r="296" spans="1:5" ht="57" x14ac:dyDescent="0.25">
      <c r="A296" s="5" t="s">
        <v>346</v>
      </c>
      <c r="B296" s="100" t="s">
        <v>347</v>
      </c>
      <c r="C296" s="4" t="s">
        <v>348</v>
      </c>
      <c r="D296" s="158" t="s">
        <v>349</v>
      </c>
      <c r="E296" s="111" t="s">
        <v>2741</v>
      </c>
    </row>
    <row r="297" spans="1:5" ht="42.75" x14ac:dyDescent="0.25">
      <c r="A297" s="5" t="s">
        <v>350</v>
      </c>
      <c r="B297" s="100" t="s">
        <v>351</v>
      </c>
      <c r="C297" s="4" t="s">
        <v>357</v>
      </c>
      <c r="D297" s="59" t="s">
        <v>3427</v>
      </c>
      <c r="E297" s="111" t="s">
        <v>2741</v>
      </c>
    </row>
    <row r="298" spans="1:5" ht="28.5" x14ac:dyDescent="0.25">
      <c r="A298" s="123" t="s">
        <v>352</v>
      </c>
      <c r="B298" s="124" t="s">
        <v>353</v>
      </c>
      <c r="C298" s="4" t="s">
        <v>358</v>
      </c>
      <c r="D298" s="128" t="s">
        <v>349</v>
      </c>
      <c r="E298" s="127" t="s">
        <v>2741</v>
      </c>
    </row>
    <row r="299" spans="1:5" x14ac:dyDescent="0.25">
      <c r="A299" s="272" t="s">
        <v>958</v>
      </c>
      <c r="B299" s="272"/>
      <c r="D299" s="60"/>
      <c r="E299" s="113"/>
    </row>
    <row r="300" spans="1:5" ht="42.75" x14ac:dyDescent="0.25">
      <c r="A300" s="5" t="s">
        <v>354</v>
      </c>
      <c r="B300" s="100" t="s">
        <v>355</v>
      </c>
      <c r="C300" s="4" t="s">
        <v>356</v>
      </c>
      <c r="D300" s="59" t="s">
        <v>3428</v>
      </c>
      <c r="E300" s="111" t="s">
        <v>2712</v>
      </c>
    </row>
    <row r="301" spans="1:5" ht="71.25" x14ac:dyDescent="0.25">
      <c r="A301" s="5" t="s">
        <v>359</v>
      </c>
      <c r="B301" s="100" t="s">
        <v>360</v>
      </c>
      <c r="C301" s="4" t="s">
        <v>361</v>
      </c>
      <c r="D301" s="161" t="s">
        <v>3428</v>
      </c>
      <c r="E301" s="111" t="s">
        <v>2712</v>
      </c>
    </row>
    <row r="302" spans="1:5" x14ac:dyDescent="0.25">
      <c r="A302" s="272" t="s">
        <v>959</v>
      </c>
      <c r="B302" s="272"/>
      <c r="D302" s="60"/>
      <c r="E302" s="113"/>
    </row>
    <row r="303" spans="1:5" ht="42.75" x14ac:dyDescent="0.25">
      <c r="A303" s="5" t="s">
        <v>362</v>
      </c>
      <c r="B303" s="100" t="s">
        <v>363</v>
      </c>
      <c r="C303" s="4" t="s">
        <v>364</v>
      </c>
      <c r="D303" s="59" t="s">
        <v>3429</v>
      </c>
      <c r="E303" s="111" t="s">
        <v>3101</v>
      </c>
    </row>
    <row r="304" spans="1:5" ht="185.25" x14ac:dyDescent="0.25">
      <c r="A304" s="156" t="s">
        <v>3053</v>
      </c>
      <c r="B304" s="156" t="s">
        <v>3054</v>
      </c>
      <c r="C304" s="158" t="s">
        <v>3055</v>
      </c>
      <c r="D304" s="158" t="s">
        <v>3430</v>
      </c>
      <c r="E304" s="158" t="s">
        <v>3056</v>
      </c>
    </row>
    <row r="305" spans="1:5" ht="42.75" x14ac:dyDescent="0.25">
      <c r="A305" s="156" t="s">
        <v>3432</v>
      </c>
      <c r="B305" s="156" t="s">
        <v>3433</v>
      </c>
      <c r="C305" s="158" t="s">
        <v>3434</v>
      </c>
      <c r="D305" s="158" t="s">
        <v>3356</v>
      </c>
      <c r="E305" s="158" t="s">
        <v>3435</v>
      </c>
    </row>
    <row r="306" spans="1:5" ht="57" x14ac:dyDescent="0.25">
      <c r="A306" s="156" t="s">
        <v>3436</v>
      </c>
      <c r="B306" s="156" t="s">
        <v>3437</v>
      </c>
      <c r="C306" s="158" t="s">
        <v>3438</v>
      </c>
      <c r="D306" s="158" t="s">
        <v>2776</v>
      </c>
      <c r="E306" s="158" t="s">
        <v>2907</v>
      </c>
    </row>
    <row r="307" spans="1:5" x14ac:dyDescent="0.25">
      <c r="A307" s="272" t="s">
        <v>960</v>
      </c>
      <c r="B307" s="272"/>
      <c r="D307" s="60"/>
      <c r="E307" s="113"/>
    </row>
    <row r="308" spans="1:5" ht="42.75" x14ac:dyDescent="0.25">
      <c r="A308" s="5" t="s">
        <v>365</v>
      </c>
      <c r="B308" s="100" t="s">
        <v>366</v>
      </c>
      <c r="C308" s="4" t="s">
        <v>367</v>
      </c>
      <c r="D308" s="59" t="s">
        <v>368</v>
      </c>
      <c r="E308" s="111" t="s">
        <v>2741</v>
      </c>
    </row>
    <row r="309" spans="1:5" ht="28.5" x14ac:dyDescent="0.25">
      <c r="A309" s="5" t="s">
        <v>369</v>
      </c>
      <c r="B309" s="100" t="s">
        <v>370</v>
      </c>
      <c r="C309" s="4" t="s">
        <v>371</v>
      </c>
      <c r="D309" s="59" t="s">
        <v>3439</v>
      </c>
      <c r="E309" s="111" t="s">
        <v>2701</v>
      </c>
    </row>
    <row r="310" spans="1:5" ht="128.25" x14ac:dyDescent="0.25">
      <c r="A310" s="21" t="s">
        <v>961</v>
      </c>
      <c r="B310" s="100" t="s">
        <v>372</v>
      </c>
      <c r="C310" s="4" t="s">
        <v>2668</v>
      </c>
      <c r="D310" s="60" t="s">
        <v>2669</v>
      </c>
      <c r="E310" s="111" t="s">
        <v>2741</v>
      </c>
    </row>
    <row r="311" spans="1:5" x14ac:dyDescent="0.25">
      <c r="A311" s="272" t="s">
        <v>962</v>
      </c>
      <c r="B311" s="272"/>
      <c r="D311" s="60"/>
      <c r="E311" s="113"/>
    </row>
    <row r="312" spans="1:5" ht="42.75" x14ac:dyDescent="0.25">
      <c r="A312" s="5" t="s">
        <v>373</v>
      </c>
      <c r="B312" s="100" t="s">
        <v>374</v>
      </c>
      <c r="C312" s="4" t="s">
        <v>375</v>
      </c>
      <c r="D312" s="59" t="s">
        <v>3440</v>
      </c>
      <c r="E312" s="158" t="s">
        <v>2739</v>
      </c>
    </row>
    <row r="313" spans="1:5" ht="28.5" x14ac:dyDescent="0.25">
      <c r="A313" s="156" t="s">
        <v>3441</v>
      </c>
      <c r="B313" s="157" t="s">
        <v>3442</v>
      </c>
      <c r="C313" s="158"/>
      <c r="D313" s="161"/>
      <c r="E313" s="158"/>
    </row>
    <row r="314" spans="1:5" x14ac:dyDescent="0.25">
      <c r="A314" s="272" t="s">
        <v>963</v>
      </c>
      <c r="B314" s="272"/>
      <c r="D314" s="60"/>
      <c r="E314" s="113"/>
    </row>
    <row r="315" spans="1:5" ht="38.25" x14ac:dyDescent="0.25">
      <c r="A315" s="5" t="s">
        <v>376</v>
      </c>
      <c r="B315" s="100" t="s">
        <v>377</v>
      </c>
      <c r="C315" s="4" t="s">
        <v>378</v>
      </c>
      <c r="D315" s="197" t="s">
        <v>3492</v>
      </c>
      <c r="E315" s="111" t="s">
        <v>2701</v>
      </c>
    </row>
    <row r="316" spans="1:5" s="120" customFormat="1" ht="96.75" customHeight="1" x14ac:dyDescent="0.25">
      <c r="A316" s="272" t="s">
        <v>964</v>
      </c>
      <c r="B316" s="272"/>
      <c r="C316" s="4"/>
      <c r="D316" s="60"/>
      <c r="E316" s="113"/>
    </row>
    <row r="317" spans="1:5" ht="51" x14ac:dyDescent="0.25">
      <c r="A317" s="5" t="s">
        <v>380</v>
      </c>
      <c r="B317" s="100" t="s">
        <v>381</v>
      </c>
      <c r="C317" s="5" t="s">
        <v>382</v>
      </c>
      <c r="D317" s="59" t="s">
        <v>3493</v>
      </c>
      <c r="E317" s="111" t="s">
        <v>2701</v>
      </c>
    </row>
    <row r="318" spans="1:5" ht="51" x14ac:dyDescent="0.25">
      <c r="A318" s="5" t="s">
        <v>383</v>
      </c>
      <c r="B318" s="100" t="s">
        <v>384</v>
      </c>
      <c r="C318" s="5" t="s">
        <v>385</v>
      </c>
      <c r="D318" s="167" t="s">
        <v>3493</v>
      </c>
      <c r="E318" s="111" t="s">
        <v>2701</v>
      </c>
    </row>
    <row r="319" spans="1:5" ht="51" x14ac:dyDescent="0.25">
      <c r="A319" s="5" t="s">
        <v>386</v>
      </c>
      <c r="B319" s="100" t="s">
        <v>387</v>
      </c>
      <c r="C319" s="4" t="s">
        <v>388</v>
      </c>
      <c r="D319" s="59" t="s">
        <v>3443</v>
      </c>
      <c r="E319" s="111" t="s">
        <v>2732</v>
      </c>
    </row>
    <row r="320" spans="1:5" ht="51" x14ac:dyDescent="0.25">
      <c r="A320" s="5" t="s">
        <v>389</v>
      </c>
      <c r="B320" s="100" t="s">
        <v>390</v>
      </c>
      <c r="C320" s="5" t="s">
        <v>391</v>
      </c>
      <c r="D320" s="59" t="s">
        <v>3494</v>
      </c>
      <c r="E320" s="111" t="s">
        <v>2704</v>
      </c>
    </row>
    <row r="321" spans="1:5" ht="42.75" x14ac:dyDescent="0.25">
      <c r="A321" s="176" t="s">
        <v>3444</v>
      </c>
      <c r="B321" s="177" t="s">
        <v>3445</v>
      </c>
      <c r="C321" s="178" t="s">
        <v>3446</v>
      </c>
      <c r="D321" s="179" t="s">
        <v>3381</v>
      </c>
      <c r="E321" s="180" t="s">
        <v>3447</v>
      </c>
    </row>
    <row r="322" spans="1:5" x14ac:dyDescent="0.25">
      <c r="A322" s="264" t="s">
        <v>965</v>
      </c>
      <c r="B322" s="265"/>
      <c r="C322" s="265"/>
      <c r="D322" s="265"/>
      <c r="E322" s="266"/>
    </row>
    <row r="323" spans="1:5" ht="38.25" x14ac:dyDescent="0.25">
      <c r="A323" s="5" t="s">
        <v>392</v>
      </c>
      <c r="B323" s="100" t="s">
        <v>2887</v>
      </c>
      <c r="C323" s="4" t="s">
        <v>393</v>
      </c>
      <c r="D323" s="59" t="s">
        <v>3448</v>
      </c>
      <c r="E323" s="111" t="s">
        <v>2734</v>
      </c>
    </row>
    <row r="324" spans="1:5" ht="38.25" x14ac:dyDescent="0.25">
      <c r="A324" s="5" t="s">
        <v>394</v>
      </c>
      <c r="B324" s="100" t="s">
        <v>2888</v>
      </c>
      <c r="C324" s="4" t="s">
        <v>395</v>
      </c>
      <c r="D324" s="167" t="s">
        <v>3448</v>
      </c>
      <c r="E324" s="111" t="s">
        <v>2734</v>
      </c>
    </row>
    <row r="325" spans="1:5" ht="25.5" customHeight="1" x14ac:dyDescent="0.25">
      <c r="A325" s="264" t="s">
        <v>966</v>
      </c>
      <c r="B325" s="265"/>
      <c r="C325" s="265"/>
      <c r="D325" s="265"/>
      <c r="E325" s="266"/>
    </row>
    <row r="326" spans="1:5" ht="38.25" x14ac:dyDescent="0.25">
      <c r="A326" s="5" t="s">
        <v>396</v>
      </c>
      <c r="B326" s="100" t="s">
        <v>966</v>
      </c>
      <c r="C326" s="4" t="s">
        <v>397</v>
      </c>
      <c r="D326" s="167" t="s">
        <v>3448</v>
      </c>
      <c r="E326" s="111" t="s">
        <v>2702</v>
      </c>
    </row>
    <row r="327" spans="1:5" x14ac:dyDescent="0.25">
      <c r="A327" s="264" t="s">
        <v>967</v>
      </c>
      <c r="B327" s="265"/>
      <c r="C327" s="265"/>
      <c r="D327" s="265"/>
      <c r="E327" s="266"/>
    </row>
    <row r="328" spans="1:5" ht="56.25" customHeight="1" x14ac:dyDescent="0.25">
      <c r="A328" s="176" t="s">
        <v>3449</v>
      </c>
      <c r="B328" s="178" t="s">
        <v>3450</v>
      </c>
      <c r="C328" s="178" t="s">
        <v>3451</v>
      </c>
      <c r="D328" s="178" t="s">
        <v>979</v>
      </c>
      <c r="E328" s="181" t="s">
        <v>2766</v>
      </c>
    </row>
    <row r="329" spans="1:5" ht="85.5" x14ac:dyDescent="0.25">
      <c r="A329" s="5" t="s">
        <v>398</v>
      </c>
      <c r="B329" s="100" t="s">
        <v>399</v>
      </c>
      <c r="C329" s="4" t="s">
        <v>400</v>
      </c>
      <c r="D329" s="59" t="s">
        <v>401</v>
      </c>
      <c r="E329" s="111" t="s">
        <v>2766</v>
      </c>
    </row>
    <row r="330" spans="1:5" x14ac:dyDescent="0.25">
      <c r="A330" s="5" t="s">
        <v>402</v>
      </c>
      <c r="B330" s="100" t="s">
        <v>403</v>
      </c>
      <c r="C330" s="4" t="s">
        <v>404</v>
      </c>
      <c r="D330" s="59" t="s">
        <v>968</v>
      </c>
      <c r="E330" s="111" t="s">
        <v>2766</v>
      </c>
    </row>
    <row r="331" spans="1:5" x14ac:dyDescent="0.25">
      <c r="A331" s="5" t="s">
        <v>405</v>
      </c>
      <c r="B331" s="100" t="s">
        <v>406</v>
      </c>
      <c r="C331" s="4" t="s">
        <v>407</v>
      </c>
      <c r="D331" s="59" t="s">
        <v>968</v>
      </c>
      <c r="E331" s="111" t="s">
        <v>2766</v>
      </c>
    </row>
    <row r="332" spans="1:5" ht="30.75" customHeight="1" x14ac:dyDescent="0.25">
      <c r="A332" s="5" t="s">
        <v>408</v>
      </c>
      <c r="B332" s="100" t="s">
        <v>409</v>
      </c>
      <c r="C332" s="4" t="s">
        <v>2638</v>
      </c>
      <c r="D332" s="59" t="s">
        <v>968</v>
      </c>
      <c r="E332" s="111" t="s">
        <v>3455</v>
      </c>
    </row>
    <row r="333" spans="1:5" x14ac:dyDescent="0.25">
      <c r="A333" s="162" t="s">
        <v>3452</v>
      </c>
      <c r="B333" s="166" t="s">
        <v>3453</v>
      </c>
      <c r="C333" s="163"/>
      <c r="D333" s="167" t="s">
        <v>979</v>
      </c>
      <c r="E333" s="164" t="s">
        <v>3454</v>
      </c>
    </row>
    <row r="334" spans="1:5" ht="28.5" x14ac:dyDescent="0.25">
      <c r="A334" s="5" t="s">
        <v>410</v>
      </c>
      <c r="B334" s="100" t="s">
        <v>411</v>
      </c>
      <c r="C334" s="4" t="s">
        <v>412</v>
      </c>
      <c r="D334" s="167" t="s">
        <v>979</v>
      </c>
      <c r="E334" s="111" t="s">
        <v>3456</v>
      </c>
    </row>
    <row r="335" spans="1:5" ht="42.75" x14ac:dyDescent="0.25">
      <c r="A335" s="5" t="s">
        <v>413</v>
      </c>
      <c r="B335" s="100" t="s">
        <v>414</v>
      </c>
      <c r="C335" s="4" t="s">
        <v>415</v>
      </c>
      <c r="D335" s="59" t="s">
        <v>22</v>
      </c>
      <c r="E335" s="111" t="s">
        <v>2271</v>
      </c>
    </row>
    <row r="336" spans="1:5" ht="68.25" customHeight="1" x14ac:dyDescent="0.25">
      <c r="A336" s="5" t="s">
        <v>416</v>
      </c>
      <c r="B336" s="100" t="s">
        <v>417</v>
      </c>
      <c r="C336" s="4" t="s">
        <v>2705</v>
      </c>
      <c r="D336" s="59" t="s">
        <v>22</v>
      </c>
      <c r="E336" s="111" t="s">
        <v>2271</v>
      </c>
    </row>
    <row r="337" spans="1:5" x14ac:dyDescent="0.25">
      <c r="A337" s="5" t="s">
        <v>418</v>
      </c>
      <c r="B337" s="100" t="s">
        <v>419</v>
      </c>
      <c r="C337" s="4" t="s">
        <v>420</v>
      </c>
      <c r="D337" s="59" t="s">
        <v>401</v>
      </c>
      <c r="E337" s="111" t="s">
        <v>2733</v>
      </c>
    </row>
    <row r="338" spans="1:5" x14ac:dyDescent="0.25">
      <c r="A338" s="176" t="s">
        <v>3457</v>
      </c>
      <c r="B338" s="177" t="s">
        <v>3458</v>
      </c>
      <c r="C338" s="182" t="s">
        <v>3459</v>
      </c>
      <c r="D338" s="179"/>
      <c r="E338" s="180"/>
    </row>
    <row r="339" spans="1:5" ht="71.25" customHeight="1" x14ac:dyDescent="0.25">
      <c r="A339" s="264" t="s">
        <v>969</v>
      </c>
      <c r="B339" s="265"/>
      <c r="C339" s="265"/>
      <c r="D339" s="265"/>
      <c r="E339" s="266"/>
    </row>
    <row r="340" spans="1:5" ht="51" x14ac:dyDescent="0.25">
      <c r="A340" s="5" t="s">
        <v>421</v>
      </c>
      <c r="B340" s="100" t="s">
        <v>422</v>
      </c>
      <c r="C340" s="4" t="s">
        <v>423</v>
      </c>
      <c r="D340" s="60" t="s">
        <v>57</v>
      </c>
      <c r="E340" s="113" t="s">
        <v>3625</v>
      </c>
    </row>
    <row r="341" spans="1:5" ht="188.25" customHeight="1" x14ac:dyDescent="0.25">
      <c r="A341" s="5" t="s">
        <v>424</v>
      </c>
      <c r="B341" s="100" t="s">
        <v>425</v>
      </c>
      <c r="C341" s="4" t="s">
        <v>426</v>
      </c>
      <c r="D341" s="60" t="s">
        <v>57</v>
      </c>
      <c r="E341" s="113" t="s">
        <v>2816</v>
      </c>
    </row>
    <row r="342" spans="1:5" ht="42.75" x14ac:dyDescent="0.25">
      <c r="A342" s="5" t="s">
        <v>427</v>
      </c>
      <c r="B342" s="100" t="s">
        <v>428</v>
      </c>
      <c r="C342" s="4" t="s">
        <v>429</v>
      </c>
      <c r="D342" s="60" t="s">
        <v>57</v>
      </c>
      <c r="E342" s="113" t="s">
        <v>2714</v>
      </c>
    </row>
    <row r="343" spans="1:5" ht="57" customHeight="1" x14ac:dyDescent="0.25">
      <c r="A343" s="5" t="s">
        <v>430</v>
      </c>
      <c r="B343" s="100" t="s">
        <v>431</v>
      </c>
      <c r="C343" s="4" t="s">
        <v>457</v>
      </c>
      <c r="D343" s="59" t="s">
        <v>2910</v>
      </c>
      <c r="E343" s="113" t="s">
        <v>2664</v>
      </c>
    </row>
    <row r="344" spans="1:5" x14ac:dyDescent="0.25">
      <c r="A344" s="5" t="s">
        <v>432</v>
      </c>
      <c r="B344" s="100" t="s">
        <v>433</v>
      </c>
      <c r="C344" s="4" t="s">
        <v>434</v>
      </c>
      <c r="D344" s="60" t="s">
        <v>3241</v>
      </c>
      <c r="E344" s="111" t="s">
        <v>2725</v>
      </c>
    </row>
    <row r="345" spans="1:5" ht="28.5" x14ac:dyDescent="0.25">
      <c r="A345" s="5" t="s">
        <v>435</v>
      </c>
      <c r="B345" s="100" t="s">
        <v>436</v>
      </c>
      <c r="C345" s="4" t="s">
        <v>2909</v>
      </c>
      <c r="D345" s="59" t="s">
        <v>2910</v>
      </c>
      <c r="E345" s="113" t="s">
        <v>2875</v>
      </c>
    </row>
    <row r="346" spans="1:5" ht="28.5" x14ac:dyDescent="0.25">
      <c r="A346" s="5" t="s">
        <v>437</v>
      </c>
      <c r="B346" s="100" t="s">
        <v>438</v>
      </c>
      <c r="C346" s="4" t="s">
        <v>2685</v>
      </c>
      <c r="D346" s="59" t="s">
        <v>2910</v>
      </c>
      <c r="E346" s="113" t="s">
        <v>2664</v>
      </c>
    </row>
    <row r="347" spans="1:5" ht="42.75" x14ac:dyDescent="0.25">
      <c r="A347" s="5" t="s">
        <v>439</v>
      </c>
      <c r="B347" s="100" t="s">
        <v>440</v>
      </c>
      <c r="C347" s="4" t="s">
        <v>441</v>
      </c>
      <c r="D347" s="60" t="s">
        <v>22</v>
      </c>
      <c r="E347" s="113" t="s">
        <v>2714</v>
      </c>
    </row>
    <row r="348" spans="1:5" ht="57" x14ac:dyDescent="0.25">
      <c r="A348" s="5" t="s">
        <v>442</v>
      </c>
      <c r="B348" s="100" t="s">
        <v>443</v>
      </c>
      <c r="C348" s="4" t="s">
        <v>444</v>
      </c>
      <c r="D348" s="59" t="s">
        <v>2910</v>
      </c>
      <c r="E348" s="113" t="s">
        <v>2664</v>
      </c>
    </row>
    <row r="349" spans="1:5" ht="63.75" x14ac:dyDescent="0.25">
      <c r="A349" s="5" t="s">
        <v>445</v>
      </c>
      <c r="B349" s="100" t="s">
        <v>446</v>
      </c>
      <c r="C349" s="4" t="s">
        <v>2686</v>
      </c>
      <c r="D349" s="59" t="s">
        <v>22</v>
      </c>
      <c r="E349" s="113" t="s">
        <v>2687</v>
      </c>
    </row>
    <row r="350" spans="1:5" ht="28.5" x14ac:dyDescent="0.25">
      <c r="A350" s="5" t="s">
        <v>447</v>
      </c>
      <c r="B350" s="100" t="s">
        <v>448</v>
      </c>
      <c r="C350" s="4" t="s">
        <v>449</v>
      </c>
      <c r="D350" s="59" t="s">
        <v>22</v>
      </c>
      <c r="E350" s="111" t="s">
        <v>2819</v>
      </c>
    </row>
    <row r="351" spans="1:5" ht="57" x14ac:dyDescent="0.25">
      <c r="A351" s="5" t="s">
        <v>450</v>
      </c>
      <c r="B351" s="100" t="s">
        <v>451</v>
      </c>
      <c r="C351" s="4" t="s">
        <v>2688</v>
      </c>
      <c r="D351" s="59" t="s">
        <v>22</v>
      </c>
      <c r="E351" s="111" t="s">
        <v>2689</v>
      </c>
    </row>
    <row r="352" spans="1:5" ht="114.75" customHeight="1" x14ac:dyDescent="0.25">
      <c r="A352" s="5" t="s">
        <v>452</v>
      </c>
      <c r="B352" s="100" t="s">
        <v>453</v>
      </c>
      <c r="C352" s="4" t="s">
        <v>2690</v>
      </c>
      <c r="D352" s="59" t="s">
        <v>22</v>
      </c>
      <c r="E352" s="111" t="s">
        <v>2691</v>
      </c>
    </row>
    <row r="353" spans="1:5" ht="171" x14ac:dyDescent="0.25">
      <c r="A353" s="5" t="s">
        <v>454</v>
      </c>
      <c r="B353" s="100" t="s">
        <v>455</v>
      </c>
      <c r="C353" s="4" t="s">
        <v>456</v>
      </c>
      <c r="D353" s="59" t="s">
        <v>2910</v>
      </c>
      <c r="E353" s="113" t="s">
        <v>2664</v>
      </c>
    </row>
    <row r="354" spans="1:5" ht="57" x14ac:dyDescent="0.25">
      <c r="A354" s="5" t="s">
        <v>458</v>
      </c>
      <c r="B354" s="100" t="s">
        <v>459</v>
      </c>
      <c r="C354" s="4" t="s">
        <v>460</v>
      </c>
      <c r="D354" s="59" t="s">
        <v>2910</v>
      </c>
      <c r="E354" s="113" t="s">
        <v>2664</v>
      </c>
    </row>
    <row r="355" spans="1:5" ht="42.75" x14ac:dyDescent="0.25">
      <c r="A355" s="5" t="s">
        <v>461</v>
      </c>
      <c r="B355" s="100" t="s">
        <v>462</v>
      </c>
      <c r="C355" s="4" t="s">
        <v>463</v>
      </c>
      <c r="D355" s="59" t="s">
        <v>2910</v>
      </c>
      <c r="E355" s="113" t="s">
        <v>2664</v>
      </c>
    </row>
    <row r="356" spans="1:5" ht="85.5" x14ac:dyDescent="0.25">
      <c r="A356" s="5" t="s">
        <v>464</v>
      </c>
      <c r="B356" s="100" t="s">
        <v>465</v>
      </c>
      <c r="C356" s="4" t="s">
        <v>466</v>
      </c>
      <c r="D356" s="59" t="s">
        <v>3242</v>
      </c>
      <c r="E356" s="111" t="s">
        <v>2726</v>
      </c>
    </row>
    <row r="357" spans="1:5" ht="71.25" x14ac:dyDescent="0.25">
      <c r="A357" s="5" t="s">
        <v>467</v>
      </c>
      <c r="B357" s="100" t="s">
        <v>468</v>
      </c>
      <c r="C357" s="44" t="s">
        <v>3227</v>
      </c>
      <c r="D357" s="59" t="s">
        <v>2910</v>
      </c>
      <c r="E357" s="113" t="s">
        <v>3103</v>
      </c>
    </row>
    <row r="358" spans="1:5" ht="28.5" x14ac:dyDescent="0.25">
      <c r="A358" s="5" t="s">
        <v>2662</v>
      </c>
      <c r="B358" s="100" t="s">
        <v>2901</v>
      </c>
      <c r="C358" s="4" t="s">
        <v>2694</v>
      </c>
      <c r="D358" s="60" t="s">
        <v>22</v>
      </c>
      <c r="E358" s="113" t="s">
        <v>2695</v>
      </c>
    </row>
    <row r="359" spans="1:5" ht="28.5" x14ac:dyDescent="0.25">
      <c r="A359" s="5" t="s">
        <v>469</v>
      </c>
      <c r="B359" s="100" t="s">
        <v>470</v>
      </c>
      <c r="C359" s="4" t="s">
        <v>2692</v>
      </c>
      <c r="D359" s="60" t="s">
        <v>22</v>
      </c>
      <c r="E359" s="113" t="s">
        <v>2693</v>
      </c>
    </row>
    <row r="360" spans="1:5" ht="128.25" x14ac:dyDescent="0.25">
      <c r="A360" s="5" t="s">
        <v>970</v>
      </c>
      <c r="B360" s="100" t="s">
        <v>2877</v>
      </c>
      <c r="C360" s="4" t="s">
        <v>971</v>
      </c>
      <c r="D360" s="60" t="s">
        <v>972</v>
      </c>
      <c r="E360" s="113" t="s">
        <v>973</v>
      </c>
    </row>
    <row r="361" spans="1:5" ht="128.25" x14ac:dyDescent="0.25">
      <c r="A361" s="5" t="s">
        <v>2637</v>
      </c>
      <c r="B361" s="105" t="s">
        <v>2876</v>
      </c>
      <c r="C361" s="26" t="s">
        <v>2880</v>
      </c>
      <c r="D361" s="65" t="s">
        <v>3243</v>
      </c>
      <c r="E361" s="56" t="s">
        <v>2664</v>
      </c>
    </row>
    <row r="362" spans="1:5" ht="42.75" x14ac:dyDescent="0.25">
      <c r="A362" s="5" t="s">
        <v>471</v>
      </c>
      <c r="B362" s="100" t="s">
        <v>472</v>
      </c>
      <c r="C362" s="4" t="s">
        <v>473</v>
      </c>
      <c r="D362" s="59" t="s">
        <v>2910</v>
      </c>
      <c r="E362" s="113" t="s">
        <v>2664</v>
      </c>
    </row>
    <row r="363" spans="1:5" ht="42.75" x14ac:dyDescent="0.25">
      <c r="A363" s="5" t="s">
        <v>474</v>
      </c>
      <c r="B363" s="100" t="s">
        <v>475</v>
      </c>
      <c r="C363" s="4" t="s">
        <v>476</v>
      </c>
      <c r="D363" s="59" t="s">
        <v>2910</v>
      </c>
      <c r="E363" s="113" t="s">
        <v>2664</v>
      </c>
    </row>
    <row r="364" spans="1:5" ht="99.75" x14ac:dyDescent="0.25">
      <c r="A364" s="5" t="s">
        <v>477</v>
      </c>
      <c r="B364" s="100" t="s">
        <v>478</v>
      </c>
      <c r="C364" s="4" t="s">
        <v>507</v>
      </c>
      <c r="D364" s="60" t="s">
        <v>3241</v>
      </c>
      <c r="E364" s="111" t="s">
        <v>2821</v>
      </c>
    </row>
    <row r="365" spans="1:5" ht="71.25" x14ac:dyDescent="0.25">
      <c r="A365" s="5" t="s">
        <v>479</v>
      </c>
      <c r="B365" s="100" t="s">
        <v>480</v>
      </c>
      <c r="C365" s="4" t="s">
        <v>481</v>
      </c>
      <c r="D365" s="59" t="s">
        <v>2910</v>
      </c>
      <c r="E365" s="113" t="s">
        <v>2664</v>
      </c>
    </row>
    <row r="366" spans="1:5" ht="28.5" x14ac:dyDescent="0.25">
      <c r="A366" s="5" t="s">
        <v>482</v>
      </c>
      <c r="B366" s="100" t="s">
        <v>483</v>
      </c>
      <c r="C366" s="4" t="s">
        <v>484</v>
      </c>
      <c r="D366" s="59" t="s">
        <v>485</v>
      </c>
      <c r="E366" s="111" t="s">
        <v>2201</v>
      </c>
    </row>
    <row r="367" spans="1:5" ht="42.75" x14ac:dyDescent="0.25">
      <c r="A367" s="4" t="s">
        <v>486</v>
      </c>
      <c r="B367" s="99" t="s">
        <v>487</v>
      </c>
      <c r="C367" s="45" t="s">
        <v>488</v>
      </c>
      <c r="D367" s="59" t="s">
        <v>485</v>
      </c>
      <c r="E367" s="111" t="s">
        <v>2201</v>
      </c>
    </row>
    <row r="368" spans="1:5" ht="156.75" x14ac:dyDescent="0.25">
      <c r="A368" s="4" t="s">
        <v>2857</v>
      </c>
      <c r="B368" s="99" t="s">
        <v>2858</v>
      </c>
      <c r="C368" s="4" t="s">
        <v>2859</v>
      </c>
      <c r="D368" s="60" t="s">
        <v>3244</v>
      </c>
      <c r="E368" s="113" t="s">
        <v>2861</v>
      </c>
    </row>
    <row r="369" spans="1:5" ht="42.75" x14ac:dyDescent="0.25">
      <c r="A369" s="5" t="s">
        <v>489</v>
      </c>
      <c r="B369" s="100" t="s">
        <v>2900</v>
      </c>
      <c r="C369" s="4" t="s">
        <v>490</v>
      </c>
      <c r="D369" s="59" t="s">
        <v>2910</v>
      </c>
      <c r="E369" s="111" t="s">
        <v>2822</v>
      </c>
    </row>
    <row r="370" spans="1:5" ht="71.25" x14ac:dyDescent="0.25">
      <c r="A370" s="5" t="s">
        <v>491</v>
      </c>
      <c r="B370" s="100" t="s">
        <v>492</v>
      </c>
      <c r="C370" s="4" t="s">
        <v>493</v>
      </c>
      <c r="D370" s="59" t="s">
        <v>2910</v>
      </c>
      <c r="E370" s="111" t="s">
        <v>2716</v>
      </c>
    </row>
    <row r="371" spans="1:5" ht="57" x14ac:dyDescent="0.25">
      <c r="A371" s="5" t="s">
        <v>494</v>
      </c>
      <c r="B371" s="100" t="s">
        <v>495</v>
      </c>
      <c r="C371" s="4" t="s">
        <v>496</v>
      </c>
      <c r="D371" s="65" t="s">
        <v>3244</v>
      </c>
      <c r="E371" s="111" t="s">
        <v>2757</v>
      </c>
    </row>
    <row r="372" spans="1:5" ht="28.5" x14ac:dyDescent="0.25">
      <c r="A372" s="5" t="s">
        <v>497</v>
      </c>
      <c r="B372" s="100" t="s">
        <v>498</v>
      </c>
      <c r="C372" s="4" t="s">
        <v>499</v>
      </c>
      <c r="D372" s="60" t="s">
        <v>3239</v>
      </c>
      <c r="E372" s="113" t="s">
        <v>2715</v>
      </c>
    </row>
    <row r="373" spans="1:5" ht="28.5" x14ac:dyDescent="0.25">
      <c r="A373" s="5" t="s">
        <v>500</v>
      </c>
      <c r="B373" s="100" t="s">
        <v>501</v>
      </c>
      <c r="C373" s="4" t="s">
        <v>502</v>
      </c>
      <c r="D373" s="59" t="s">
        <v>22</v>
      </c>
      <c r="E373" s="111" t="s">
        <v>3104</v>
      </c>
    </row>
    <row r="374" spans="1:5" ht="57" x14ac:dyDescent="0.25">
      <c r="A374" s="5" t="s">
        <v>503</v>
      </c>
      <c r="B374" s="100" t="s">
        <v>504</v>
      </c>
      <c r="C374" s="4" t="s">
        <v>3298</v>
      </c>
      <c r="D374" s="139" t="s">
        <v>3245</v>
      </c>
      <c r="E374" s="140" t="s">
        <v>3621</v>
      </c>
    </row>
    <row r="375" spans="1:5" ht="57" x14ac:dyDescent="0.25">
      <c r="A375" s="5" t="s">
        <v>505</v>
      </c>
      <c r="B375" s="100" t="s">
        <v>506</v>
      </c>
      <c r="C375" s="4" t="s">
        <v>2678</v>
      </c>
      <c r="D375" s="60" t="s">
        <v>3245</v>
      </c>
      <c r="E375" s="113" t="s">
        <v>3083</v>
      </c>
    </row>
    <row r="376" spans="1:5" ht="57" x14ac:dyDescent="0.25">
      <c r="A376" s="5" t="s">
        <v>509</v>
      </c>
      <c r="B376" s="100" t="s">
        <v>510</v>
      </c>
      <c r="C376" s="4" t="s">
        <v>2678</v>
      </c>
      <c r="D376" s="60" t="s">
        <v>3245</v>
      </c>
      <c r="E376" s="113" t="s">
        <v>3083</v>
      </c>
    </row>
    <row r="377" spans="1:5" ht="57" x14ac:dyDescent="0.25">
      <c r="A377" s="5" t="s">
        <v>511</v>
      </c>
      <c r="B377" s="100" t="s">
        <v>512</v>
      </c>
      <c r="C377" s="4" t="s">
        <v>2678</v>
      </c>
      <c r="D377" s="60" t="s">
        <v>3245</v>
      </c>
      <c r="E377" s="113" t="s">
        <v>3084</v>
      </c>
    </row>
    <row r="378" spans="1:5" ht="57" x14ac:dyDescent="0.25">
      <c r="A378" s="5" t="s">
        <v>513</v>
      </c>
      <c r="B378" s="100" t="s">
        <v>514</v>
      </c>
      <c r="C378" s="4" t="s">
        <v>2678</v>
      </c>
      <c r="D378" s="60" t="s">
        <v>3245</v>
      </c>
      <c r="E378" s="113" t="s">
        <v>3085</v>
      </c>
    </row>
    <row r="379" spans="1:5" ht="42.75" customHeight="1" x14ac:dyDescent="0.25">
      <c r="A379" s="5" t="s">
        <v>515</v>
      </c>
      <c r="B379" s="100" t="s">
        <v>516</v>
      </c>
      <c r="C379" s="4" t="s">
        <v>2678</v>
      </c>
      <c r="D379" s="60" t="s">
        <v>3245</v>
      </c>
      <c r="E379" s="113" t="s">
        <v>3086</v>
      </c>
    </row>
    <row r="380" spans="1:5" ht="231" customHeight="1" x14ac:dyDescent="0.25">
      <c r="A380" s="5" t="s">
        <v>517</v>
      </c>
      <c r="B380" s="100" t="s">
        <v>518</v>
      </c>
      <c r="C380" s="4" t="s">
        <v>2678</v>
      </c>
      <c r="D380" s="60" t="s">
        <v>3245</v>
      </c>
      <c r="E380" s="113" t="s">
        <v>3087</v>
      </c>
    </row>
    <row r="381" spans="1:5" ht="57" x14ac:dyDescent="0.25">
      <c r="A381" s="5" t="s">
        <v>519</v>
      </c>
      <c r="B381" s="100" t="s">
        <v>520</v>
      </c>
      <c r="C381" s="4" t="s">
        <v>2678</v>
      </c>
      <c r="D381" s="60" t="s">
        <v>3246</v>
      </c>
      <c r="E381" s="113" t="s">
        <v>3086</v>
      </c>
    </row>
    <row r="382" spans="1:5" ht="57" x14ac:dyDescent="0.25">
      <c r="A382" s="5" t="s">
        <v>521</v>
      </c>
      <c r="B382" s="100" t="s">
        <v>522</v>
      </c>
      <c r="C382" s="4" t="s">
        <v>2678</v>
      </c>
      <c r="D382" s="60" t="s">
        <v>3245</v>
      </c>
      <c r="E382" s="113" t="s">
        <v>3086</v>
      </c>
    </row>
    <row r="383" spans="1:5" ht="228.75" customHeight="1" x14ac:dyDescent="0.25">
      <c r="A383" s="192" t="s">
        <v>3487</v>
      </c>
      <c r="B383" s="193" t="s">
        <v>3488</v>
      </c>
      <c r="C383" s="194" t="s">
        <v>3490</v>
      </c>
      <c r="D383" s="195" t="s">
        <v>3491</v>
      </c>
      <c r="E383" s="196" t="s">
        <v>3489</v>
      </c>
    </row>
    <row r="385" spans="1:5" ht="28.5" x14ac:dyDescent="0.25">
      <c r="A385" s="5" t="s">
        <v>523</v>
      </c>
      <c r="B385" s="100" t="s">
        <v>524</v>
      </c>
      <c r="C385" s="4" t="s">
        <v>525</v>
      </c>
      <c r="D385" s="59" t="s">
        <v>2910</v>
      </c>
      <c r="E385" s="111" t="s">
        <v>2664</v>
      </c>
    </row>
    <row r="386" spans="1:5" ht="117" customHeight="1" x14ac:dyDescent="0.25">
      <c r="A386" s="5" t="s">
        <v>526</v>
      </c>
      <c r="B386" s="100" t="s">
        <v>527</v>
      </c>
      <c r="C386" s="5" t="s">
        <v>528</v>
      </c>
      <c r="D386" s="59" t="s">
        <v>2910</v>
      </c>
      <c r="E386" s="111" t="s">
        <v>2664</v>
      </c>
    </row>
    <row r="387" spans="1:5" ht="42.75" x14ac:dyDescent="0.25">
      <c r="A387" s="5" t="s">
        <v>529</v>
      </c>
      <c r="B387" s="100" t="s">
        <v>530</v>
      </c>
      <c r="C387" s="5" t="s">
        <v>531</v>
      </c>
      <c r="D387" s="59" t="s">
        <v>2910</v>
      </c>
      <c r="E387" s="111" t="s">
        <v>2664</v>
      </c>
    </row>
    <row r="388" spans="1:5" ht="42.75" x14ac:dyDescent="0.25">
      <c r="A388" s="5" t="s">
        <v>532</v>
      </c>
      <c r="B388" s="100" t="s">
        <v>533</v>
      </c>
      <c r="C388" s="4" t="s">
        <v>534</v>
      </c>
      <c r="D388" s="59" t="s">
        <v>2910</v>
      </c>
      <c r="E388" s="111" t="s">
        <v>2664</v>
      </c>
    </row>
    <row r="389" spans="1:5" ht="57" x14ac:dyDescent="0.25">
      <c r="A389" s="5" t="s">
        <v>535</v>
      </c>
      <c r="B389" s="100" t="s">
        <v>536</v>
      </c>
      <c r="C389" s="4" t="s">
        <v>537</v>
      </c>
      <c r="D389" s="60" t="s">
        <v>3247</v>
      </c>
      <c r="E389" s="111" t="s">
        <v>2664</v>
      </c>
    </row>
    <row r="390" spans="1:5" ht="78" customHeight="1" x14ac:dyDescent="0.25">
      <c r="A390" s="5" t="s">
        <v>538</v>
      </c>
      <c r="B390" s="100" t="s">
        <v>539</v>
      </c>
      <c r="C390" s="4" t="s">
        <v>974</v>
      </c>
      <c r="D390" s="60" t="s">
        <v>3239</v>
      </c>
      <c r="E390" s="113" t="s">
        <v>540</v>
      </c>
    </row>
    <row r="391" spans="1:5" ht="28.5" x14ac:dyDescent="0.25">
      <c r="A391" s="5" t="s">
        <v>541</v>
      </c>
      <c r="B391" s="100" t="s">
        <v>975</v>
      </c>
      <c r="C391" s="4" t="s">
        <v>542</v>
      </c>
      <c r="D391" s="59" t="s">
        <v>543</v>
      </c>
      <c r="E391" s="113" t="s">
        <v>540</v>
      </c>
    </row>
    <row r="392" spans="1:5" ht="213.75" x14ac:dyDescent="0.25">
      <c r="A392" s="5" t="s">
        <v>544</v>
      </c>
      <c r="B392" s="100" t="s">
        <v>545</v>
      </c>
      <c r="C392" s="4" t="s">
        <v>2681</v>
      </c>
      <c r="D392" s="60" t="s">
        <v>22</v>
      </c>
      <c r="E392" s="113" t="s">
        <v>2696</v>
      </c>
    </row>
    <row r="393" spans="1:5" ht="213.75" x14ac:dyDescent="0.25">
      <c r="A393" s="5" t="s">
        <v>546</v>
      </c>
      <c r="B393" s="100" t="s">
        <v>547</v>
      </c>
      <c r="C393" s="4" t="s">
        <v>2681</v>
      </c>
      <c r="D393" s="60" t="s">
        <v>22</v>
      </c>
      <c r="E393" s="113" t="s">
        <v>540</v>
      </c>
    </row>
    <row r="394" spans="1:5" ht="57" x14ac:dyDescent="0.25">
      <c r="A394" s="5" t="s">
        <v>548</v>
      </c>
      <c r="B394" s="100" t="s">
        <v>549</v>
      </c>
      <c r="C394" s="4" t="s">
        <v>550</v>
      </c>
      <c r="D394" s="59" t="s">
        <v>551</v>
      </c>
      <c r="E394" s="113" t="s">
        <v>540</v>
      </c>
    </row>
    <row r="395" spans="1:5" ht="213.75" x14ac:dyDescent="0.25">
      <c r="A395" s="5" t="s">
        <v>552</v>
      </c>
      <c r="B395" s="100" t="s">
        <v>553</v>
      </c>
      <c r="C395" s="4" t="s">
        <v>2681</v>
      </c>
      <c r="D395" s="60" t="s">
        <v>22</v>
      </c>
      <c r="E395" s="113" t="s">
        <v>540</v>
      </c>
    </row>
    <row r="396" spans="1:5" ht="28.5" x14ac:dyDescent="0.25">
      <c r="A396" s="5" t="s">
        <v>554</v>
      </c>
      <c r="B396" s="100" t="s">
        <v>555</v>
      </c>
      <c r="C396" s="46" t="s">
        <v>2717</v>
      </c>
      <c r="D396" s="60" t="s">
        <v>22</v>
      </c>
      <c r="E396" s="111" t="s">
        <v>2728</v>
      </c>
    </row>
    <row r="397" spans="1:5" ht="71.25" x14ac:dyDescent="0.25">
      <c r="A397" s="5" t="s">
        <v>556</v>
      </c>
      <c r="B397" s="100" t="s">
        <v>557</v>
      </c>
      <c r="C397" s="4" t="s">
        <v>3264</v>
      </c>
      <c r="D397" s="60" t="s">
        <v>22</v>
      </c>
      <c r="E397" s="111" t="s">
        <v>2728</v>
      </c>
    </row>
    <row r="398" spans="1:5" ht="99.75" x14ac:dyDescent="0.25">
      <c r="A398" s="5" t="s">
        <v>558</v>
      </c>
      <c r="B398" s="100" t="s">
        <v>559</v>
      </c>
      <c r="C398" s="4" t="s">
        <v>2911</v>
      </c>
      <c r="D398" s="60" t="s">
        <v>22</v>
      </c>
      <c r="E398" s="111" t="s">
        <v>2728</v>
      </c>
    </row>
    <row r="399" spans="1:5" ht="42.75" x14ac:dyDescent="0.25">
      <c r="A399" s="5" t="s">
        <v>562</v>
      </c>
      <c r="B399" s="100" t="s">
        <v>563</v>
      </c>
      <c r="C399" s="4" t="s">
        <v>564</v>
      </c>
      <c r="D399" s="60" t="s">
        <v>22</v>
      </c>
      <c r="E399" s="111" t="s">
        <v>2722</v>
      </c>
    </row>
    <row r="400" spans="1:5" ht="70.5" customHeight="1" x14ac:dyDescent="0.25">
      <c r="A400" s="5" t="s">
        <v>565</v>
      </c>
      <c r="B400" s="100" t="s">
        <v>566</v>
      </c>
      <c r="C400" s="5" t="s">
        <v>567</v>
      </c>
      <c r="D400" s="60" t="s">
        <v>22</v>
      </c>
      <c r="E400" s="111" t="s">
        <v>2722</v>
      </c>
    </row>
    <row r="401" spans="1:5" ht="71.25" x14ac:dyDescent="0.25">
      <c r="A401" s="5" t="s">
        <v>568</v>
      </c>
      <c r="B401" s="100" t="s">
        <v>569</v>
      </c>
      <c r="C401" s="4" t="s">
        <v>570</v>
      </c>
      <c r="D401" s="60" t="s">
        <v>22</v>
      </c>
      <c r="E401" s="113" t="s">
        <v>2718</v>
      </c>
    </row>
    <row r="402" spans="1:5" ht="52.5" customHeight="1" x14ac:dyDescent="0.25">
      <c r="A402" s="5" t="s">
        <v>571</v>
      </c>
      <c r="B402" s="100" t="s">
        <v>572</v>
      </c>
      <c r="C402" s="4" t="s">
        <v>2719</v>
      </c>
      <c r="D402" s="60" t="s">
        <v>22</v>
      </c>
      <c r="E402" s="113" t="s">
        <v>3607</v>
      </c>
    </row>
    <row r="403" spans="1:5" ht="71.25" x14ac:dyDescent="0.25">
      <c r="A403" s="5" t="s">
        <v>573</v>
      </c>
      <c r="B403" s="100" t="s">
        <v>574</v>
      </c>
      <c r="C403" s="4" t="s">
        <v>2682</v>
      </c>
      <c r="D403" s="60" t="s">
        <v>22</v>
      </c>
      <c r="E403" s="113" t="s">
        <v>2597</v>
      </c>
    </row>
    <row r="404" spans="1:5" s="28" customFormat="1" ht="42.75" x14ac:dyDescent="0.25">
      <c r="A404" s="5" t="s">
        <v>575</v>
      </c>
      <c r="B404" s="100" t="s">
        <v>576</v>
      </c>
      <c r="C404" s="4" t="s">
        <v>2721</v>
      </c>
      <c r="D404" s="60" t="s">
        <v>22</v>
      </c>
      <c r="E404" s="111" t="s">
        <v>2722</v>
      </c>
    </row>
    <row r="405" spans="1:5" s="28" customFormat="1" ht="57" x14ac:dyDescent="0.25">
      <c r="A405" s="5" t="s">
        <v>577</v>
      </c>
      <c r="B405" s="100" t="s">
        <v>578</v>
      </c>
      <c r="C405" s="4" t="s">
        <v>2683</v>
      </c>
      <c r="D405" s="60" t="s">
        <v>22</v>
      </c>
      <c r="E405" s="113" t="s">
        <v>2829</v>
      </c>
    </row>
    <row r="406" spans="1:5" ht="128.25" x14ac:dyDescent="0.25">
      <c r="A406" s="5" t="s">
        <v>579</v>
      </c>
      <c r="B406" s="100" t="s">
        <v>580</v>
      </c>
      <c r="C406" s="4" t="s">
        <v>2913</v>
      </c>
      <c r="D406" s="60" t="s">
        <v>22</v>
      </c>
      <c r="E406" s="113" t="s">
        <v>2684</v>
      </c>
    </row>
    <row r="407" spans="1:5" ht="15" customHeight="1" x14ac:dyDescent="0.25">
      <c r="A407" s="5" t="s">
        <v>581</v>
      </c>
      <c r="B407" s="100" t="s">
        <v>582</v>
      </c>
      <c r="C407" s="4" t="s">
        <v>583</v>
      </c>
      <c r="D407" s="59" t="s">
        <v>22</v>
      </c>
      <c r="E407" s="111" t="s">
        <v>2723</v>
      </c>
    </row>
    <row r="408" spans="1:5" ht="42.75" x14ac:dyDescent="0.25">
      <c r="A408" s="5" t="s">
        <v>584</v>
      </c>
      <c r="B408" s="100" t="s">
        <v>2899</v>
      </c>
      <c r="C408" s="4" t="s">
        <v>585</v>
      </c>
      <c r="D408" s="60" t="s">
        <v>3248</v>
      </c>
      <c r="E408" s="111" t="s">
        <v>2722</v>
      </c>
    </row>
    <row r="409" spans="1:5" ht="42.75" x14ac:dyDescent="0.25">
      <c r="A409" s="5" t="s">
        <v>586</v>
      </c>
      <c r="B409" s="100" t="s">
        <v>2908</v>
      </c>
      <c r="C409" s="4" t="s">
        <v>2724</v>
      </c>
      <c r="D409" s="60" t="s">
        <v>22</v>
      </c>
      <c r="E409" s="113" t="s">
        <v>2718</v>
      </c>
    </row>
    <row r="410" spans="1:5" ht="28.5" x14ac:dyDescent="0.25">
      <c r="A410" s="5" t="s">
        <v>587</v>
      </c>
      <c r="B410" s="100" t="s">
        <v>588</v>
      </c>
      <c r="C410" s="46" t="s">
        <v>589</v>
      </c>
      <c r="D410" s="60" t="s">
        <v>22</v>
      </c>
      <c r="E410" s="111" t="s">
        <v>2722</v>
      </c>
    </row>
    <row r="411" spans="1:5" ht="42.75" x14ac:dyDescent="0.25">
      <c r="A411" s="5" t="s">
        <v>590</v>
      </c>
      <c r="B411" s="100" t="s">
        <v>591</v>
      </c>
      <c r="C411" s="4" t="s">
        <v>592</v>
      </c>
      <c r="D411" s="60" t="s">
        <v>22</v>
      </c>
      <c r="E411" s="113" t="s">
        <v>2830</v>
      </c>
    </row>
    <row r="412" spans="1:5" ht="57" x14ac:dyDescent="0.25">
      <c r="A412" s="5" t="s">
        <v>593</v>
      </c>
      <c r="B412" s="100" t="s">
        <v>594</v>
      </c>
      <c r="C412" s="4" t="s">
        <v>2853</v>
      </c>
      <c r="D412" s="60" t="s">
        <v>3247</v>
      </c>
      <c r="E412" s="113" t="s">
        <v>2664</v>
      </c>
    </row>
    <row r="413" spans="1:5" ht="57" x14ac:dyDescent="0.25">
      <c r="A413" s="5" t="s">
        <v>2862</v>
      </c>
      <c r="B413" s="105" t="s">
        <v>2863</v>
      </c>
      <c r="C413" s="26" t="s">
        <v>2864</v>
      </c>
      <c r="D413" s="65" t="s">
        <v>3623</v>
      </c>
      <c r="E413" s="56" t="s">
        <v>2689</v>
      </c>
    </row>
    <row r="414" spans="1:5" ht="42.75" x14ac:dyDescent="0.25">
      <c r="A414" s="5" t="s">
        <v>2866</v>
      </c>
      <c r="B414" s="105" t="s">
        <v>2867</v>
      </c>
      <c r="C414" s="26" t="s">
        <v>2868</v>
      </c>
      <c r="D414" s="65" t="s">
        <v>2869</v>
      </c>
      <c r="E414" s="56" t="s">
        <v>2689</v>
      </c>
    </row>
    <row r="415" spans="1:5" ht="213.75" x14ac:dyDescent="0.25">
      <c r="A415" s="5" t="s">
        <v>2870</v>
      </c>
      <c r="B415" s="105" t="s">
        <v>2871</v>
      </c>
      <c r="C415" s="26" t="s">
        <v>2848</v>
      </c>
      <c r="D415" s="65" t="s">
        <v>22</v>
      </c>
      <c r="E415" s="56" t="s">
        <v>2689</v>
      </c>
    </row>
    <row r="416" spans="1:5" ht="71.25" x14ac:dyDescent="0.25">
      <c r="A416" s="27" t="s">
        <v>3069</v>
      </c>
      <c r="B416" s="27" t="s">
        <v>3070</v>
      </c>
      <c r="C416" s="207" t="s">
        <v>3073</v>
      </c>
      <c r="D416" s="27" t="s">
        <v>3076</v>
      </c>
      <c r="E416" s="27" t="s">
        <v>2689</v>
      </c>
    </row>
    <row r="417" spans="1:5" ht="28.5" x14ac:dyDescent="0.25">
      <c r="A417" s="27" t="s">
        <v>3071</v>
      </c>
      <c r="B417" s="27" t="s">
        <v>3072</v>
      </c>
      <c r="C417" s="27" t="s">
        <v>3077</v>
      </c>
      <c r="D417" s="27" t="s">
        <v>3076</v>
      </c>
      <c r="E417" s="27" t="s">
        <v>2689</v>
      </c>
    </row>
    <row r="418" spans="1:5" x14ac:dyDescent="0.25">
      <c r="A418" s="212"/>
      <c r="B418" s="208"/>
      <c r="C418" s="209"/>
      <c r="D418" s="210"/>
      <c r="E418" s="211"/>
    </row>
    <row r="419" spans="1:5" ht="54" customHeight="1" x14ac:dyDescent="0.25">
      <c r="A419" s="264" t="s">
        <v>976</v>
      </c>
      <c r="B419" s="266"/>
      <c r="C419" s="209"/>
      <c r="D419" s="210"/>
      <c r="E419" s="211"/>
    </row>
    <row r="420" spans="1:5" ht="50.25" customHeight="1" x14ac:dyDescent="0.25">
      <c r="A420" s="5" t="s">
        <v>595</v>
      </c>
      <c r="B420" s="100" t="s">
        <v>596</v>
      </c>
      <c r="C420" s="47" t="s">
        <v>2639</v>
      </c>
      <c r="D420" s="59" t="s">
        <v>22</v>
      </c>
      <c r="E420" s="113" t="s">
        <v>1690</v>
      </c>
    </row>
    <row r="421" spans="1:5" ht="99.75" x14ac:dyDescent="0.25">
      <c r="A421" s="5" t="s">
        <v>597</v>
      </c>
      <c r="B421" s="100" t="s">
        <v>598</v>
      </c>
      <c r="C421" s="4" t="s">
        <v>2639</v>
      </c>
      <c r="D421" s="59" t="s">
        <v>22</v>
      </c>
      <c r="E421" s="113" t="s">
        <v>1690</v>
      </c>
    </row>
    <row r="422" spans="1:5" ht="99.75" x14ac:dyDescent="0.25">
      <c r="A422" s="5" t="s">
        <v>599</v>
      </c>
      <c r="B422" s="100" t="s">
        <v>2653</v>
      </c>
      <c r="C422" s="26" t="s">
        <v>2639</v>
      </c>
      <c r="D422" s="59" t="s">
        <v>22</v>
      </c>
      <c r="E422" s="113" t="s">
        <v>1690</v>
      </c>
    </row>
    <row r="423" spans="1:5" ht="99.75" x14ac:dyDescent="0.25">
      <c r="A423" s="5" t="s">
        <v>600</v>
      </c>
      <c r="B423" s="100" t="s">
        <v>2654</v>
      </c>
      <c r="C423" s="26" t="s">
        <v>2639</v>
      </c>
      <c r="D423" s="59" t="s">
        <v>22</v>
      </c>
      <c r="E423" s="113" t="s">
        <v>1690</v>
      </c>
    </row>
    <row r="424" spans="1:5" ht="99.75" x14ac:dyDescent="0.25">
      <c r="A424" s="5" t="s">
        <v>601</v>
      </c>
      <c r="B424" s="100" t="s">
        <v>2655</v>
      </c>
      <c r="C424" s="26" t="s">
        <v>2639</v>
      </c>
      <c r="D424" s="59" t="s">
        <v>22</v>
      </c>
      <c r="E424" s="113" t="s">
        <v>1690</v>
      </c>
    </row>
    <row r="425" spans="1:5" ht="99.75" x14ac:dyDescent="0.25">
      <c r="A425" s="5" t="s">
        <v>602</v>
      </c>
      <c r="B425" s="100" t="s">
        <v>603</v>
      </c>
      <c r="C425" s="26" t="s">
        <v>2639</v>
      </c>
      <c r="D425" s="59" t="s">
        <v>22</v>
      </c>
      <c r="E425" s="113" t="s">
        <v>1690</v>
      </c>
    </row>
    <row r="426" spans="1:5" ht="99.75" x14ac:dyDescent="0.25">
      <c r="A426" s="5" t="s">
        <v>604</v>
      </c>
      <c r="B426" s="100" t="s">
        <v>2656</v>
      </c>
      <c r="C426" s="26" t="s">
        <v>2639</v>
      </c>
      <c r="D426" s="59" t="s">
        <v>22</v>
      </c>
      <c r="E426" s="113" t="s">
        <v>1690</v>
      </c>
    </row>
    <row r="427" spans="1:5" ht="114" x14ac:dyDescent="0.25">
      <c r="A427" s="5" t="s">
        <v>605</v>
      </c>
      <c r="B427" s="100" t="s">
        <v>606</v>
      </c>
      <c r="C427" s="26" t="s">
        <v>2640</v>
      </c>
      <c r="D427" s="59" t="s">
        <v>22</v>
      </c>
      <c r="E427" s="113" t="s">
        <v>2641</v>
      </c>
    </row>
    <row r="428" spans="1:5" x14ac:dyDescent="0.25">
      <c r="A428" s="21"/>
      <c r="B428" s="100"/>
      <c r="D428" s="60"/>
      <c r="E428" s="113"/>
    </row>
    <row r="429" spans="1:5" x14ac:dyDescent="0.25">
      <c r="A429" s="272" t="s">
        <v>977</v>
      </c>
      <c r="B429" s="272"/>
      <c r="D429" s="60"/>
      <c r="E429" s="113"/>
    </row>
    <row r="430" spans="1:5" ht="57" x14ac:dyDescent="0.25">
      <c r="A430" s="5" t="s">
        <v>607</v>
      </c>
      <c r="B430" s="100" t="s">
        <v>608</v>
      </c>
      <c r="C430" s="4" t="s">
        <v>2644</v>
      </c>
      <c r="D430" s="59" t="s">
        <v>22</v>
      </c>
      <c r="E430" s="113" t="s">
        <v>2646</v>
      </c>
    </row>
    <row r="431" spans="1:5" ht="38.25" x14ac:dyDescent="0.25">
      <c r="A431" s="4" t="s">
        <v>2624</v>
      </c>
      <c r="B431" s="99" t="s">
        <v>2626</v>
      </c>
      <c r="C431" s="4" t="s">
        <v>2844</v>
      </c>
      <c r="D431" s="59" t="s">
        <v>22</v>
      </c>
      <c r="E431" s="111" t="s">
        <v>2836</v>
      </c>
    </row>
    <row r="432" spans="1:5" ht="38.25" x14ac:dyDescent="0.25">
      <c r="A432" s="4" t="s">
        <v>2625</v>
      </c>
      <c r="B432" s="99" t="s">
        <v>2627</v>
      </c>
      <c r="C432" s="4" t="s">
        <v>2657</v>
      </c>
      <c r="D432" s="59" t="s">
        <v>22</v>
      </c>
      <c r="E432" s="111" t="s">
        <v>2836</v>
      </c>
    </row>
    <row r="433" spans="1:5" ht="36" customHeight="1" x14ac:dyDescent="0.25">
      <c r="A433" s="5" t="s">
        <v>609</v>
      </c>
      <c r="B433" s="100" t="s">
        <v>610</v>
      </c>
      <c r="C433" s="4" t="s">
        <v>2645</v>
      </c>
      <c r="D433" s="59" t="s">
        <v>22</v>
      </c>
      <c r="E433" s="113" t="s">
        <v>2646</v>
      </c>
    </row>
    <row r="434" spans="1:5" ht="57" x14ac:dyDescent="0.25">
      <c r="A434" s="5" t="s">
        <v>611</v>
      </c>
      <c r="B434" s="100" t="s">
        <v>2658</v>
      </c>
      <c r="C434" s="4" t="s">
        <v>2647</v>
      </c>
      <c r="D434" s="59" t="s">
        <v>22</v>
      </c>
      <c r="E434" s="113" t="s">
        <v>2646</v>
      </c>
    </row>
    <row r="435" spans="1:5" ht="126" customHeight="1" x14ac:dyDescent="0.25">
      <c r="A435" s="5" t="s">
        <v>612</v>
      </c>
      <c r="B435" s="100" t="s">
        <v>2659</v>
      </c>
      <c r="C435" s="4" t="s">
        <v>2648</v>
      </c>
      <c r="D435" s="59" t="s">
        <v>22</v>
      </c>
      <c r="E435" s="113" t="s">
        <v>3088</v>
      </c>
    </row>
    <row r="436" spans="1:5" ht="38.25" x14ac:dyDescent="0.25">
      <c r="A436" s="5" t="s">
        <v>613</v>
      </c>
      <c r="B436" s="100" t="s">
        <v>2660</v>
      </c>
      <c r="C436" s="4" t="s">
        <v>2649</v>
      </c>
      <c r="D436" s="59" t="s">
        <v>22</v>
      </c>
      <c r="E436" s="113" t="s">
        <v>3088</v>
      </c>
    </row>
    <row r="437" spans="1:5" ht="42.75" x14ac:dyDescent="0.25">
      <c r="A437" s="5" t="s">
        <v>614</v>
      </c>
      <c r="B437" s="100" t="s">
        <v>615</v>
      </c>
      <c r="C437" s="4" t="s">
        <v>2650</v>
      </c>
      <c r="D437" s="59" t="s">
        <v>22</v>
      </c>
      <c r="E437" s="113" t="s">
        <v>1718</v>
      </c>
    </row>
    <row r="438" spans="1:5" ht="99.75" x14ac:dyDescent="0.25">
      <c r="A438" s="5" t="s">
        <v>616</v>
      </c>
      <c r="B438" s="100" t="s">
        <v>617</v>
      </c>
      <c r="C438" s="4" t="s">
        <v>2729</v>
      </c>
      <c r="D438" s="60" t="s">
        <v>2661</v>
      </c>
      <c r="E438" s="113" t="s">
        <v>2730</v>
      </c>
    </row>
    <row r="439" spans="1:5" ht="71.25" x14ac:dyDescent="0.25">
      <c r="A439" s="129" t="s">
        <v>618</v>
      </c>
      <c r="B439" s="124" t="s">
        <v>619</v>
      </c>
      <c r="C439" s="125" t="s">
        <v>620</v>
      </c>
      <c r="D439" s="126" t="s">
        <v>22</v>
      </c>
      <c r="E439" s="113" t="s">
        <v>3293</v>
      </c>
    </row>
    <row r="440" spans="1:5" ht="71.25" x14ac:dyDescent="0.25">
      <c r="A440" s="21" t="s">
        <v>621</v>
      </c>
      <c r="B440" s="100" t="s">
        <v>622</v>
      </c>
      <c r="C440" s="4" t="s">
        <v>623</v>
      </c>
      <c r="D440" s="59" t="s">
        <v>22</v>
      </c>
      <c r="E440" s="113" t="s">
        <v>2837</v>
      </c>
    </row>
    <row r="441" spans="1:5" ht="42.75" x14ac:dyDescent="0.25">
      <c r="A441" s="21" t="s">
        <v>624</v>
      </c>
      <c r="B441" s="100" t="s">
        <v>625</v>
      </c>
      <c r="C441" s="4" t="s">
        <v>2642</v>
      </c>
      <c r="D441" s="59" t="s">
        <v>22</v>
      </c>
      <c r="E441" s="113" t="s">
        <v>1800</v>
      </c>
    </row>
    <row r="442" spans="1:5" ht="57" x14ac:dyDescent="0.25">
      <c r="A442" s="21" t="s">
        <v>626</v>
      </c>
      <c r="B442" s="100" t="s">
        <v>627</v>
      </c>
      <c r="C442" s="4" t="s">
        <v>2643</v>
      </c>
      <c r="D442" s="59" t="s">
        <v>22</v>
      </c>
      <c r="E442" s="113" t="s">
        <v>3172</v>
      </c>
    </row>
    <row r="443" spans="1:5" x14ac:dyDescent="0.25">
      <c r="E443" s="113"/>
    </row>
    <row r="444" spans="1:5" ht="26.25" customHeight="1" x14ac:dyDescent="0.25">
      <c r="A444" s="272" t="s">
        <v>978</v>
      </c>
      <c r="B444" s="272"/>
      <c r="D444" s="60"/>
      <c r="E444" s="113"/>
    </row>
    <row r="445" spans="1:5" ht="28.5" x14ac:dyDescent="0.25">
      <c r="A445" s="5" t="s">
        <v>628</v>
      </c>
      <c r="B445" s="100" t="s">
        <v>629</v>
      </c>
      <c r="C445" s="4" t="s">
        <v>630</v>
      </c>
      <c r="D445" s="59" t="s">
        <v>631</v>
      </c>
      <c r="E445" s="198" t="s">
        <v>3503</v>
      </c>
    </row>
    <row r="446" spans="1:5" ht="28.5" x14ac:dyDescent="0.25">
      <c r="A446" s="5" t="s">
        <v>3047</v>
      </c>
      <c r="B446" s="100" t="s">
        <v>3048</v>
      </c>
      <c r="C446" s="5" t="s">
        <v>630</v>
      </c>
      <c r="D446" s="60" t="s">
        <v>631</v>
      </c>
      <c r="E446" s="113" t="s">
        <v>3504</v>
      </c>
    </row>
    <row r="447" spans="1:5" ht="36.75" customHeight="1" x14ac:dyDescent="0.25">
      <c r="A447" s="5" t="s">
        <v>632</v>
      </c>
      <c r="B447" s="100" t="s">
        <v>633</v>
      </c>
      <c r="C447" s="4" t="s">
        <v>2680</v>
      </c>
      <c r="D447" s="60" t="s">
        <v>3249</v>
      </c>
      <c r="E447" s="113" t="s">
        <v>2731</v>
      </c>
    </row>
    <row r="448" spans="1:5" ht="28.5" x14ac:dyDescent="0.25">
      <c r="A448" s="162" t="s">
        <v>3460</v>
      </c>
      <c r="B448" s="166" t="s">
        <v>633</v>
      </c>
      <c r="C448" s="163"/>
      <c r="D448" s="165" t="s">
        <v>3249</v>
      </c>
      <c r="E448" s="198" t="s">
        <v>3503</v>
      </c>
    </row>
    <row r="449" spans="1:5" ht="24.75" customHeight="1" x14ac:dyDescent="0.25">
      <c r="A449" s="123" t="s">
        <v>634</v>
      </c>
      <c r="B449" s="124" t="s">
        <v>635</v>
      </c>
      <c r="C449" s="125" t="s">
        <v>636</v>
      </c>
      <c r="D449" s="128" t="s">
        <v>637</v>
      </c>
      <c r="E449" s="111" t="s">
        <v>3294</v>
      </c>
    </row>
    <row r="450" spans="1:5" s="1" customFormat="1" ht="81.75" customHeight="1" x14ac:dyDescent="0.2">
      <c r="A450" s="5" t="s">
        <v>638</v>
      </c>
      <c r="B450" s="100" t="s">
        <v>639</v>
      </c>
      <c r="C450" s="4" t="s">
        <v>640</v>
      </c>
      <c r="D450" s="59" t="s">
        <v>641</v>
      </c>
      <c r="E450" s="111" t="s">
        <v>2757</v>
      </c>
    </row>
    <row r="451" spans="1:5" ht="85.5" x14ac:dyDescent="0.25">
      <c r="A451" s="5" t="s">
        <v>642</v>
      </c>
      <c r="B451" s="100" t="s">
        <v>643</v>
      </c>
      <c r="C451" s="4" t="s">
        <v>644</v>
      </c>
      <c r="D451" s="59" t="s">
        <v>3462</v>
      </c>
      <c r="E451" s="111" t="s">
        <v>2758</v>
      </c>
    </row>
    <row r="452" spans="1:5" ht="38.25" x14ac:dyDescent="0.25">
      <c r="A452" s="5" t="s">
        <v>645</v>
      </c>
      <c r="B452" s="100" t="s">
        <v>646</v>
      </c>
      <c r="C452" s="4" t="s">
        <v>647</v>
      </c>
      <c r="D452" s="59" t="s">
        <v>3463</v>
      </c>
      <c r="E452" s="111" t="s">
        <v>2741</v>
      </c>
    </row>
    <row r="453" spans="1:5" ht="51" x14ac:dyDescent="0.25">
      <c r="A453" s="5" t="s">
        <v>648</v>
      </c>
      <c r="B453" s="100" t="s">
        <v>649</v>
      </c>
      <c r="C453" s="4" t="s">
        <v>650</v>
      </c>
      <c r="D453" s="59" t="s">
        <v>3464</v>
      </c>
      <c r="E453" s="111" t="s">
        <v>2738</v>
      </c>
    </row>
    <row r="454" spans="1:5" ht="71.25" customHeight="1" x14ac:dyDescent="0.25">
      <c r="A454" s="5" t="s">
        <v>651</v>
      </c>
      <c r="B454" s="100" t="s">
        <v>652</v>
      </c>
      <c r="C454" s="4" t="s">
        <v>653</v>
      </c>
      <c r="D454" s="59" t="s">
        <v>654</v>
      </c>
      <c r="E454" s="111" t="s">
        <v>2759</v>
      </c>
    </row>
    <row r="455" spans="1:5" ht="71.25" x14ac:dyDescent="0.25">
      <c r="A455" s="5" t="s">
        <v>655</v>
      </c>
      <c r="B455" s="100" t="s">
        <v>656</v>
      </c>
      <c r="C455" s="4" t="s">
        <v>657</v>
      </c>
      <c r="D455" s="59" t="s">
        <v>658</v>
      </c>
      <c r="E455" s="111" t="s">
        <v>2760</v>
      </c>
    </row>
    <row r="456" spans="1:5" x14ac:dyDescent="0.25">
      <c r="A456" s="5" t="s">
        <v>659</v>
      </c>
      <c r="B456" s="100" t="s">
        <v>660</v>
      </c>
      <c r="C456" s="4" t="s">
        <v>661</v>
      </c>
      <c r="D456" s="59" t="s">
        <v>2902</v>
      </c>
      <c r="E456" s="111" t="s">
        <v>2758</v>
      </c>
    </row>
    <row r="457" spans="1:5" x14ac:dyDescent="0.25">
      <c r="A457" s="276" t="s">
        <v>662</v>
      </c>
      <c r="B457" s="277" t="s">
        <v>663</v>
      </c>
      <c r="C457" s="278" t="s">
        <v>664</v>
      </c>
      <c r="D457" s="302" t="s">
        <v>2902</v>
      </c>
      <c r="E457" s="280" t="s">
        <v>2758</v>
      </c>
    </row>
    <row r="458" spans="1:5" ht="115.5" customHeight="1" x14ac:dyDescent="0.25">
      <c r="A458" s="276"/>
      <c r="B458" s="277"/>
      <c r="C458" s="278"/>
      <c r="D458" s="302"/>
      <c r="E458" s="280"/>
    </row>
    <row r="459" spans="1:5" x14ac:dyDescent="0.25">
      <c r="A459" s="276"/>
      <c r="B459" s="277"/>
      <c r="C459" s="278"/>
      <c r="D459" s="302"/>
      <c r="E459" s="280"/>
    </row>
    <row r="460" spans="1:5" x14ac:dyDescent="0.25">
      <c r="A460" s="5" t="s">
        <v>665</v>
      </c>
      <c r="B460" s="100" t="s">
        <v>666</v>
      </c>
      <c r="C460" s="4" t="s">
        <v>667</v>
      </c>
      <c r="D460" s="59" t="s">
        <v>668</v>
      </c>
      <c r="E460" s="111" t="s">
        <v>2761</v>
      </c>
    </row>
    <row r="461" spans="1:5" ht="25.5" x14ac:dyDescent="0.25">
      <c r="A461" s="5" t="s">
        <v>669</v>
      </c>
      <c r="B461" s="100" t="s">
        <v>670</v>
      </c>
      <c r="C461" s="4" t="s">
        <v>671</v>
      </c>
      <c r="D461" s="59" t="s">
        <v>2904</v>
      </c>
      <c r="E461" s="111" t="s">
        <v>2762</v>
      </c>
    </row>
    <row r="462" spans="1:5" ht="71.25" x14ac:dyDescent="0.25">
      <c r="A462" s="162" t="s">
        <v>672</v>
      </c>
      <c r="B462" s="162" t="s">
        <v>673</v>
      </c>
      <c r="C462" s="163" t="s">
        <v>674</v>
      </c>
      <c r="D462" s="163" t="s">
        <v>3465</v>
      </c>
      <c r="E462" s="163" t="s">
        <v>2763</v>
      </c>
    </row>
    <row r="463" spans="1:5" ht="42.75" x14ac:dyDescent="0.25">
      <c r="A463" s="5" t="s">
        <v>675</v>
      </c>
      <c r="B463" s="100" t="s">
        <v>676</v>
      </c>
      <c r="C463" s="4" t="s">
        <v>677</v>
      </c>
      <c r="D463" s="59" t="s">
        <v>2903</v>
      </c>
      <c r="E463" s="111" t="s">
        <v>2764</v>
      </c>
    </row>
    <row r="464" spans="1:5" ht="57" x14ac:dyDescent="0.25">
      <c r="A464" s="5" t="s">
        <v>678</v>
      </c>
      <c r="B464" s="100" t="s">
        <v>679</v>
      </c>
      <c r="C464" s="4" t="s">
        <v>680</v>
      </c>
      <c r="D464" s="59" t="s">
        <v>3466</v>
      </c>
      <c r="E464" s="111" t="s">
        <v>2746</v>
      </c>
    </row>
    <row r="465" spans="1:5" ht="38.25" x14ac:dyDescent="0.25">
      <c r="A465" s="5" t="s">
        <v>681</v>
      </c>
      <c r="B465" s="100" t="s">
        <v>682</v>
      </c>
      <c r="C465" s="4" t="s">
        <v>683</v>
      </c>
      <c r="D465" s="59" t="s">
        <v>3467</v>
      </c>
      <c r="E465" s="111" t="s">
        <v>3105</v>
      </c>
    </row>
    <row r="466" spans="1:5" ht="57" x14ac:dyDescent="0.25">
      <c r="A466" s="5" t="s">
        <v>684</v>
      </c>
      <c r="B466" s="100" t="s">
        <v>685</v>
      </c>
      <c r="C466" s="4" t="s">
        <v>686</v>
      </c>
      <c r="D466" s="59" t="s">
        <v>705</v>
      </c>
      <c r="E466" s="111" t="s">
        <v>2765</v>
      </c>
    </row>
    <row r="467" spans="1:5" ht="57" x14ac:dyDescent="0.25">
      <c r="A467" s="162" t="s">
        <v>2635</v>
      </c>
      <c r="B467" s="166" t="s">
        <v>2636</v>
      </c>
      <c r="C467" s="163" t="s">
        <v>3468</v>
      </c>
      <c r="D467" s="167" t="s">
        <v>3469</v>
      </c>
      <c r="E467" s="164" t="s">
        <v>3470</v>
      </c>
    </row>
    <row r="468" spans="1:5" ht="28.5" x14ac:dyDescent="0.25">
      <c r="A468" s="38" t="s">
        <v>687</v>
      </c>
      <c r="B468" s="100" t="s">
        <v>688</v>
      </c>
      <c r="C468" s="39" t="s">
        <v>689</v>
      </c>
      <c r="D468" s="59" t="s">
        <v>2782</v>
      </c>
      <c r="E468" s="111" t="s">
        <v>2306</v>
      </c>
    </row>
    <row r="469" spans="1:5" ht="28.5" x14ac:dyDescent="0.25">
      <c r="A469" s="5" t="s">
        <v>690</v>
      </c>
      <c r="B469" s="100" t="s">
        <v>691</v>
      </c>
      <c r="C469" s="4" t="s">
        <v>692</v>
      </c>
      <c r="D469" s="59" t="s">
        <v>693</v>
      </c>
      <c r="E469" s="111" t="s">
        <v>2759</v>
      </c>
    </row>
    <row r="470" spans="1:5" ht="99.75" x14ac:dyDescent="0.25">
      <c r="A470" s="162" t="s">
        <v>701</v>
      </c>
      <c r="B470" s="166" t="s">
        <v>3471</v>
      </c>
      <c r="C470" s="163" t="s">
        <v>3472</v>
      </c>
      <c r="D470" s="167" t="s">
        <v>2783</v>
      </c>
      <c r="E470" s="164" t="s">
        <v>2766</v>
      </c>
    </row>
    <row r="471" spans="1:5" ht="71.25" x14ac:dyDescent="0.25">
      <c r="A471" s="5" t="s">
        <v>694</v>
      </c>
      <c r="B471" s="100" t="s">
        <v>695</v>
      </c>
      <c r="C471" s="4" t="s">
        <v>696</v>
      </c>
      <c r="D471" s="59" t="s">
        <v>968</v>
      </c>
      <c r="E471" s="111" t="s">
        <v>2766</v>
      </c>
    </row>
    <row r="472" spans="1:5" ht="85.5" x14ac:dyDescent="0.25">
      <c r="A472" s="5" t="s">
        <v>697</v>
      </c>
      <c r="B472" s="100" t="s">
        <v>698</v>
      </c>
      <c r="C472" s="4" t="s">
        <v>699</v>
      </c>
      <c r="D472" s="59" t="s">
        <v>979</v>
      </c>
      <c r="E472" s="111" t="s">
        <v>700</v>
      </c>
    </row>
    <row r="473" spans="1:5" ht="45.75" customHeight="1" x14ac:dyDescent="0.25">
      <c r="A473" s="5" t="s">
        <v>702</v>
      </c>
      <c r="B473" s="100" t="s">
        <v>703</v>
      </c>
      <c r="C473" s="4" t="s">
        <v>704</v>
      </c>
      <c r="D473" s="59" t="s">
        <v>705</v>
      </c>
      <c r="E473" s="111" t="s">
        <v>2765</v>
      </c>
    </row>
    <row r="474" spans="1:5" ht="38.25" x14ac:dyDescent="0.25">
      <c r="A474" s="5" t="s">
        <v>706</v>
      </c>
      <c r="B474" s="100" t="s">
        <v>707</v>
      </c>
      <c r="C474" s="4" t="s">
        <v>708</v>
      </c>
      <c r="D474" s="59" t="s">
        <v>3473</v>
      </c>
      <c r="E474" s="111" t="s">
        <v>2765</v>
      </c>
    </row>
    <row r="475" spans="1:5" ht="28.5" x14ac:dyDescent="0.25">
      <c r="A475" s="162" t="s">
        <v>3474</v>
      </c>
      <c r="B475" s="166" t="s">
        <v>3475</v>
      </c>
      <c r="C475" s="163"/>
      <c r="D475" s="167"/>
      <c r="E475" s="164"/>
    </row>
    <row r="476" spans="1:5" ht="71.25" x14ac:dyDescent="0.25">
      <c r="A476" s="5" t="s">
        <v>709</v>
      </c>
      <c r="B476" s="100" t="s">
        <v>710</v>
      </c>
      <c r="C476" s="4" t="s">
        <v>711</v>
      </c>
      <c r="D476" s="59" t="s">
        <v>712</v>
      </c>
      <c r="E476" s="111" t="s">
        <v>2767</v>
      </c>
    </row>
    <row r="477" spans="1:5" ht="126" customHeight="1" x14ac:dyDescent="0.25">
      <c r="A477" s="162" t="s">
        <v>3476</v>
      </c>
      <c r="B477" s="166" t="s">
        <v>3477</v>
      </c>
      <c r="C477" s="163"/>
      <c r="D477" s="167" t="s">
        <v>3478</v>
      </c>
      <c r="E477" s="164" t="s">
        <v>2772</v>
      </c>
    </row>
    <row r="478" spans="1:5" ht="99.75" x14ac:dyDescent="0.25">
      <c r="A478" s="5" t="s">
        <v>713</v>
      </c>
      <c r="B478" s="100" t="s">
        <v>714</v>
      </c>
      <c r="C478" s="4" t="s">
        <v>715</v>
      </c>
      <c r="D478" s="59" t="s">
        <v>716</v>
      </c>
      <c r="E478" s="111" t="s">
        <v>2765</v>
      </c>
    </row>
    <row r="479" spans="1:5" ht="71.25" x14ac:dyDescent="0.25">
      <c r="A479" s="4" t="s">
        <v>717</v>
      </c>
      <c r="B479" s="99" t="s">
        <v>718</v>
      </c>
      <c r="C479" s="4" t="s">
        <v>719</v>
      </c>
      <c r="D479" s="59" t="s">
        <v>720</v>
      </c>
      <c r="E479" s="111" t="s">
        <v>2736</v>
      </c>
    </row>
    <row r="480" spans="1:5" ht="72" customHeight="1" x14ac:dyDescent="0.25">
      <c r="A480" s="5" t="s">
        <v>721</v>
      </c>
      <c r="B480" s="100" t="s">
        <v>722</v>
      </c>
      <c r="C480" s="4" t="s">
        <v>723</v>
      </c>
      <c r="D480" s="59" t="s">
        <v>724</v>
      </c>
      <c r="E480" s="111" t="s">
        <v>2758</v>
      </c>
    </row>
    <row r="481" spans="1:5" ht="114" x14ac:dyDescent="0.25">
      <c r="A481" s="123" t="s">
        <v>725</v>
      </c>
      <c r="B481" s="124" t="s">
        <v>726</v>
      </c>
      <c r="C481" s="125" t="s">
        <v>727</v>
      </c>
      <c r="D481" s="59" t="s">
        <v>3479</v>
      </c>
      <c r="E481" s="127" t="s">
        <v>2768</v>
      </c>
    </row>
    <row r="482" spans="1:5" ht="47.25" customHeight="1" x14ac:dyDescent="0.25">
      <c r="A482" s="5" t="s">
        <v>728</v>
      </c>
      <c r="B482" s="100" t="s">
        <v>729</v>
      </c>
      <c r="C482" s="4" t="s">
        <v>730</v>
      </c>
      <c r="D482" s="59" t="s">
        <v>316</v>
      </c>
      <c r="E482" s="111" t="s">
        <v>2769</v>
      </c>
    </row>
    <row r="483" spans="1:5" ht="38.25" x14ac:dyDescent="0.25">
      <c r="A483" s="5" t="s">
        <v>731</v>
      </c>
      <c r="B483" s="100" t="s">
        <v>732</v>
      </c>
      <c r="C483" s="4" t="s">
        <v>733</v>
      </c>
      <c r="D483" s="59" t="s">
        <v>2780</v>
      </c>
      <c r="E483" s="111" t="s">
        <v>3295</v>
      </c>
    </row>
    <row r="484" spans="1:5" ht="28.5" x14ac:dyDescent="0.25">
      <c r="A484" s="5" t="s">
        <v>734</v>
      </c>
      <c r="B484" s="100" t="s">
        <v>735</v>
      </c>
      <c r="C484" s="4" t="s">
        <v>749</v>
      </c>
      <c r="D484" s="59" t="s">
        <v>2781</v>
      </c>
      <c r="E484" s="111" t="s">
        <v>2760</v>
      </c>
    </row>
    <row r="485" spans="1:5" ht="28.5" x14ac:dyDescent="0.25">
      <c r="A485" s="123" t="s">
        <v>736</v>
      </c>
      <c r="B485" s="124" t="s">
        <v>737</v>
      </c>
      <c r="C485" s="125" t="s">
        <v>738</v>
      </c>
      <c r="D485" s="128" t="s">
        <v>3480</v>
      </c>
      <c r="E485" s="111" t="s">
        <v>3296</v>
      </c>
    </row>
    <row r="486" spans="1:5" ht="42.75" x14ac:dyDescent="0.25">
      <c r="A486" s="21" t="s">
        <v>778</v>
      </c>
      <c r="B486" s="100" t="s">
        <v>739</v>
      </c>
      <c r="C486" s="4" t="s">
        <v>3297</v>
      </c>
      <c r="D486" s="60" t="s">
        <v>2872</v>
      </c>
      <c r="E486" s="113" t="s">
        <v>2741</v>
      </c>
    </row>
    <row r="487" spans="1:5" x14ac:dyDescent="0.25">
      <c r="A487" s="42"/>
      <c r="B487" s="104"/>
      <c r="C487" s="43"/>
      <c r="D487" s="64"/>
      <c r="E487" s="55"/>
    </row>
    <row r="488" spans="1:5" x14ac:dyDescent="0.25">
      <c r="A488" s="272" t="s">
        <v>980</v>
      </c>
      <c r="B488" s="272"/>
      <c r="D488" s="60"/>
      <c r="E488" s="113"/>
    </row>
    <row r="489" spans="1:5" ht="114" x14ac:dyDescent="0.25">
      <c r="A489" s="5" t="s">
        <v>740</v>
      </c>
      <c r="B489" s="100" t="s">
        <v>741</v>
      </c>
      <c r="C489" s="4" t="s">
        <v>2666</v>
      </c>
      <c r="D489" s="60" t="s">
        <v>3481</v>
      </c>
      <c r="E489" s="113" t="s">
        <v>3577</v>
      </c>
    </row>
    <row r="490" spans="1:5" ht="85.5" x14ac:dyDescent="0.25">
      <c r="A490" s="162" t="s">
        <v>742</v>
      </c>
      <c r="B490" s="166" t="s">
        <v>743</v>
      </c>
      <c r="C490" s="163" t="s">
        <v>3483</v>
      </c>
      <c r="D490" s="165" t="s">
        <v>744</v>
      </c>
      <c r="E490" s="168" t="s">
        <v>2741</v>
      </c>
    </row>
    <row r="491" spans="1:5" ht="28.5" x14ac:dyDescent="0.25">
      <c r="A491" s="5" t="s">
        <v>745</v>
      </c>
      <c r="B491" s="100" t="s">
        <v>746</v>
      </c>
      <c r="C491" s="4" t="s">
        <v>747</v>
      </c>
      <c r="D491" s="59" t="s">
        <v>748</v>
      </c>
      <c r="E491" s="111" t="s">
        <v>2703</v>
      </c>
    </row>
    <row r="492" spans="1:5" ht="38.25" x14ac:dyDescent="0.25">
      <c r="A492" s="5" t="s">
        <v>750</v>
      </c>
      <c r="B492" s="100" t="s">
        <v>751</v>
      </c>
      <c r="C492" s="4" t="s">
        <v>752</v>
      </c>
      <c r="D492" s="59" t="s">
        <v>3484</v>
      </c>
      <c r="E492" s="111" t="s">
        <v>2703</v>
      </c>
    </row>
    <row r="493" spans="1:5" ht="42.75" x14ac:dyDescent="0.25">
      <c r="A493" s="5" t="s">
        <v>753</v>
      </c>
      <c r="B493" s="100" t="s">
        <v>754</v>
      </c>
      <c r="C493" s="4" t="s">
        <v>755</v>
      </c>
      <c r="D493" s="59" t="s">
        <v>756</v>
      </c>
      <c r="E493" s="111" t="s">
        <v>2741</v>
      </c>
    </row>
    <row r="494" spans="1:5" ht="28.5" x14ac:dyDescent="0.25">
      <c r="A494" s="5" t="s">
        <v>757</v>
      </c>
      <c r="B494" s="100" t="s">
        <v>758</v>
      </c>
      <c r="C494" s="4" t="s">
        <v>759</v>
      </c>
      <c r="D494" s="60" t="s">
        <v>3239</v>
      </c>
      <c r="E494" s="113" t="s">
        <v>2771</v>
      </c>
    </row>
    <row r="495" spans="1:5" ht="57" x14ac:dyDescent="0.25">
      <c r="A495" s="5" t="s">
        <v>760</v>
      </c>
      <c r="B495" s="100" t="s">
        <v>761</v>
      </c>
      <c r="C495" s="4" t="s">
        <v>762</v>
      </c>
      <c r="D495" s="165" t="s">
        <v>3239</v>
      </c>
      <c r="E495" s="113" t="s">
        <v>2771</v>
      </c>
    </row>
    <row r="496" spans="1:5" ht="25.5" x14ac:dyDescent="0.25">
      <c r="A496" s="5" t="s">
        <v>763</v>
      </c>
      <c r="B496" s="100" t="s">
        <v>764</v>
      </c>
      <c r="C496" s="4" t="s">
        <v>765</v>
      </c>
      <c r="D496" s="59" t="s">
        <v>766</v>
      </c>
      <c r="E496" s="111" t="s">
        <v>2772</v>
      </c>
    </row>
    <row r="497" spans="1:5" ht="28.5" x14ac:dyDescent="0.25">
      <c r="A497" s="5" t="s">
        <v>767</v>
      </c>
      <c r="B497" s="100" t="s">
        <v>768</v>
      </c>
      <c r="C497" s="4" t="s">
        <v>769</v>
      </c>
      <c r="D497" s="59" t="s">
        <v>2784</v>
      </c>
      <c r="E497" s="111" t="s">
        <v>2703</v>
      </c>
    </row>
    <row r="498" spans="1:5" ht="28.5" x14ac:dyDescent="0.25">
      <c r="A498" s="5" t="s">
        <v>770</v>
      </c>
      <c r="B498" s="100" t="s">
        <v>771</v>
      </c>
      <c r="C498" s="4" t="s">
        <v>772</v>
      </c>
      <c r="D498" s="167" t="s">
        <v>2784</v>
      </c>
      <c r="E498" s="111" t="s">
        <v>2741</v>
      </c>
    </row>
    <row r="500" spans="1:5" ht="114" x14ac:dyDescent="0.25">
      <c r="A500" s="5" t="s">
        <v>773</v>
      </c>
      <c r="B500" s="100" t="s">
        <v>774</v>
      </c>
      <c r="C500" s="4" t="s">
        <v>775</v>
      </c>
      <c r="D500" s="165" t="s">
        <v>3239</v>
      </c>
      <c r="E500" s="113" t="s">
        <v>2773</v>
      </c>
    </row>
    <row r="501" spans="1:5" ht="25.5" x14ac:dyDescent="0.25">
      <c r="A501" s="5" t="s">
        <v>776</v>
      </c>
      <c r="B501" s="100" t="s">
        <v>777</v>
      </c>
      <c r="D501" s="165" t="s">
        <v>3239</v>
      </c>
      <c r="E501" s="113" t="s">
        <v>2811</v>
      </c>
    </row>
    <row r="502" spans="1:5" x14ac:dyDescent="0.25">
      <c r="A502" s="269" t="s">
        <v>3250</v>
      </c>
      <c r="B502" s="270"/>
      <c r="C502" s="270"/>
      <c r="D502" s="270"/>
      <c r="E502" s="271"/>
    </row>
    <row r="503" spans="1:5" x14ac:dyDescent="0.25">
      <c r="A503" s="272" t="s">
        <v>981</v>
      </c>
      <c r="B503" s="272"/>
      <c r="D503" s="60"/>
      <c r="E503" s="113"/>
    </row>
    <row r="504" spans="1:5" ht="25.5" x14ac:dyDescent="0.25">
      <c r="A504" s="276" t="s">
        <v>982</v>
      </c>
      <c r="B504" s="277" t="s">
        <v>983</v>
      </c>
      <c r="C504" s="278" t="s">
        <v>984</v>
      </c>
      <c r="D504" s="279" t="s">
        <v>2923</v>
      </c>
      <c r="E504" s="111" t="s">
        <v>985</v>
      </c>
    </row>
    <row r="505" spans="1:5" x14ac:dyDescent="0.25">
      <c r="A505" s="276"/>
      <c r="B505" s="277"/>
      <c r="C505" s="278"/>
      <c r="D505" s="279"/>
      <c r="E505" s="111" t="s">
        <v>986</v>
      </c>
    </row>
    <row r="506" spans="1:5" ht="25.5" x14ac:dyDescent="0.25">
      <c r="A506" s="276"/>
      <c r="B506" s="277"/>
      <c r="C506" s="278"/>
      <c r="D506" s="279"/>
      <c r="E506" s="111" t="s">
        <v>987</v>
      </c>
    </row>
    <row r="507" spans="1:5" x14ac:dyDescent="0.25">
      <c r="A507" s="276"/>
      <c r="B507" s="277"/>
      <c r="C507" s="278"/>
      <c r="D507" s="279"/>
      <c r="E507" s="111" t="s">
        <v>988</v>
      </c>
    </row>
    <row r="508" spans="1:5" ht="25.5" x14ac:dyDescent="0.25">
      <c r="A508" s="276"/>
      <c r="B508" s="277"/>
      <c r="C508" s="278"/>
      <c r="D508" s="279"/>
      <c r="E508" s="111" t="s">
        <v>989</v>
      </c>
    </row>
    <row r="509" spans="1:5" x14ac:dyDescent="0.25">
      <c r="A509" s="276"/>
      <c r="B509" s="277"/>
      <c r="C509" s="278"/>
      <c r="D509" s="279"/>
      <c r="E509" s="113"/>
    </row>
    <row r="510" spans="1:5" x14ac:dyDescent="0.25">
      <c r="A510" s="276" t="s">
        <v>990</v>
      </c>
      <c r="B510" s="277" t="s">
        <v>991</v>
      </c>
      <c r="C510" s="278" t="s">
        <v>992</v>
      </c>
      <c r="D510" s="279" t="s">
        <v>2923</v>
      </c>
      <c r="E510" s="111" t="s">
        <v>993</v>
      </c>
    </row>
    <row r="511" spans="1:5" x14ac:dyDescent="0.25">
      <c r="A511" s="276"/>
      <c r="B511" s="277"/>
      <c r="C511" s="278"/>
      <c r="D511" s="279"/>
      <c r="E511" s="111" t="s">
        <v>994</v>
      </c>
    </row>
    <row r="512" spans="1:5" x14ac:dyDescent="0.25">
      <c r="A512" s="276"/>
      <c r="B512" s="277"/>
      <c r="C512" s="278"/>
      <c r="D512" s="279"/>
      <c r="E512" s="111" t="s">
        <v>995</v>
      </c>
    </row>
    <row r="513" spans="1:5" ht="25.5" x14ac:dyDescent="0.25">
      <c r="A513" s="276"/>
      <c r="B513" s="277"/>
      <c r="C513" s="278"/>
      <c r="D513" s="279"/>
      <c r="E513" s="111" t="s">
        <v>996</v>
      </c>
    </row>
    <row r="514" spans="1:5" ht="25.5" x14ac:dyDescent="0.25">
      <c r="A514" s="276"/>
      <c r="B514" s="277"/>
      <c r="C514" s="278"/>
      <c r="D514" s="279"/>
      <c r="E514" s="111" t="s">
        <v>997</v>
      </c>
    </row>
    <row r="515" spans="1:5" x14ac:dyDescent="0.25">
      <c r="A515" s="276"/>
      <c r="B515" s="277"/>
      <c r="C515" s="278"/>
      <c r="D515" s="279"/>
      <c r="E515" s="113"/>
    </row>
    <row r="516" spans="1:5" x14ac:dyDescent="0.25">
      <c r="A516" s="276" t="s">
        <v>998</v>
      </c>
      <c r="B516" s="277" t="s">
        <v>999</v>
      </c>
      <c r="C516" s="278" t="s">
        <v>1000</v>
      </c>
      <c r="D516" s="279" t="s">
        <v>2923</v>
      </c>
      <c r="E516" s="111" t="s">
        <v>1001</v>
      </c>
    </row>
    <row r="517" spans="1:5" ht="25.5" x14ac:dyDescent="0.25">
      <c r="A517" s="276"/>
      <c r="B517" s="277"/>
      <c r="C517" s="278"/>
      <c r="D517" s="279"/>
      <c r="E517" s="111" t="s">
        <v>989</v>
      </c>
    </row>
    <row r="518" spans="1:5" x14ac:dyDescent="0.25">
      <c r="A518" s="276"/>
      <c r="B518" s="277"/>
      <c r="C518" s="278"/>
      <c r="D518" s="279"/>
      <c r="E518" s="111" t="s">
        <v>1002</v>
      </c>
    </row>
    <row r="519" spans="1:5" x14ac:dyDescent="0.25">
      <c r="A519" s="276"/>
      <c r="B519" s="277"/>
      <c r="C519" s="278"/>
      <c r="D519" s="279"/>
      <c r="E519" s="111" t="s">
        <v>1003</v>
      </c>
    </row>
    <row r="520" spans="1:5" ht="25.5" x14ac:dyDescent="0.25">
      <c r="A520" s="276"/>
      <c r="B520" s="277"/>
      <c r="C520" s="278"/>
      <c r="D520" s="279"/>
      <c r="E520" s="111" t="s">
        <v>1004</v>
      </c>
    </row>
    <row r="521" spans="1:5" ht="25.5" customHeight="1" x14ac:dyDescent="0.25">
      <c r="A521" s="276"/>
      <c r="B521" s="277"/>
      <c r="C521" s="278"/>
      <c r="D521" s="279"/>
      <c r="E521" s="111" t="s">
        <v>989</v>
      </c>
    </row>
    <row r="522" spans="1:5" x14ac:dyDescent="0.25">
      <c r="A522" s="276"/>
      <c r="B522" s="277"/>
      <c r="C522" s="278"/>
      <c r="D522" s="279"/>
      <c r="E522" s="111" t="s">
        <v>1002</v>
      </c>
    </row>
    <row r="523" spans="1:5" ht="25.5" x14ac:dyDescent="0.25">
      <c r="A523" s="276"/>
      <c r="B523" s="277"/>
      <c r="C523" s="278"/>
      <c r="D523" s="279"/>
      <c r="E523" s="111" t="s">
        <v>1005</v>
      </c>
    </row>
    <row r="524" spans="1:5" ht="25.5" x14ac:dyDescent="0.25">
      <c r="A524" s="276"/>
      <c r="B524" s="277"/>
      <c r="C524" s="278"/>
      <c r="D524" s="279"/>
      <c r="E524" s="111" t="s">
        <v>1006</v>
      </c>
    </row>
    <row r="525" spans="1:5" ht="25.5" x14ac:dyDescent="0.25">
      <c r="A525" s="276"/>
      <c r="B525" s="277"/>
      <c r="C525" s="278"/>
      <c r="D525" s="279"/>
      <c r="E525" s="111" t="s">
        <v>1007</v>
      </c>
    </row>
    <row r="526" spans="1:5" ht="22.5" customHeight="1" x14ac:dyDescent="0.25">
      <c r="A526" s="276"/>
      <c r="B526" s="277"/>
      <c r="C526" s="278"/>
      <c r="D526" s="279"/>
      <c r="E526" s="113"/>
    </row>
    <row r="527" spans="1:5" x14ac:dyDescent="0.25">
      <c r="A527" s="276" t="s">
        <v>1008</v>
      </c>
      <c r="B527" s="277" t="s">
        <v>1009</v>
      </c>
      <c r="C527" s="278" t="s">
        <v>1010</v>
      </c>
      <c r="D527" s="279" t="s">
        <v>2923</v>
      </c>
      <c r="E527" s="111" t="s">
        <v>1003</v>
      </c>
    </row>
    <row r="528" spans="1:5" x14ac:dyDescent="0.25">
      <c r="A528" s="276"/>
      <c r="B528" s="277"/>
      <c r="C528" s="278"/>
      <c r="D528" s="279"/>
      <c r="E528" s="111" t="s">
        <v>1011</v>
      </c>
    </row>
    <row r="529" spans="1:5" x14ac:dyDescent="0.25">
      <c r="A529" s="276"/>
      <c r="B529" s="277"/>
      <c r="C529" s="278"/>
      <c r="D529" s="279"/>
      <c r="E529" s="111" t="s">
        <v>1012</v>
      </c>
    </row>
    <row r="530" spans="1:5" x14ac:dyDescent="0.25">
      <c r="A530" s="276"/>
      <c r="B530" s="277"/>
      <c r="C530" s="278"/>
      <c r="D530" s="279"/>
      <c r="E530" s="111" t="s">
        <v>1013</v>
      </c>
    </row>
    <row r="531" spans="1:5" ht="25.5" x14ac:dyDescent="0.25">
      <c r="A531" s="276"/>
      <c r="B531" s="277"/>
      <c r="C531" s="278"/>
      <c r="D531" s="279"/>
      <c r="E531" s="111" t="s">
        <v>3510</v>
      </c>
    </row>
    <row r="532" spans="1:5" x14ac:dyDescent="0.25">
      <c r="A532" s="276"/>
      <c r="B532" s="277"/>
      <c r="C532" s="278"/>
      <c r="D532" s="279"/>
      <c r="E532" s="111" t="s">
        <v>1014</v>
      </c>
    </row>
    <row r="533" spans="1:5" x14ac:dyDescent="0.25">
      <c r="A533" s="276"/>
      <c r="B533" s="277"/>
      <c r="C533" s="278"/>
      <c r="D533" s="279"/>
      <c r="E533" s="111" t="s">
        <v>1015</v>
      </c>
    </row>
    <row r="534" spans="1:5" x14ac:dyDescent="0.25">
      <c r="A534" s="276"/>
      <c r="B534" s="277"/>
      <c r="C534" s="278"/>
      <c r="D534" s="279"/>
      <c r="E534" s="111" t="s">
        <v>1016</v>
      </c>
    </row>
    <row r="535" spans="1:5" x14ac:dyDescent="0.25">
      <c r="A535" s="276"/>
      <c r="B535" s="277"/>
      <c r="C535" s="278"/>
      <c r="D535" s="279"/>
      <c r="E535" s="111" t="s">
        <v>1017</v>
      </c>
    </row>
    <row r="536" spans="1:5" x14ac:dyDescent="0.25">
      <c r="A536" s="276"/>
      <c r="B536" s="277"/>
      <c r="C536" s="278"/>
      <c r="D536" s="279"/>
      <c r="E536" s="113"/>
    </row>
    <row r="537" spans="1:5" x14ac:dyDescent="0.25">
      <c r="A537" s="276" t="s">
        <v>1018</v>
      </c>
      <c r="B537" s="277" t="s">
        <v>1019</v>
      </c>
      <c r="C537" s="278" t="s">
        <v>1020</v>
      </c>
      <c r="D537" s="279" t="s">
        <v>2923</v>
      </c>
      <c r="E537" s="111" t="s">
        <v>1021</v>
      </c>
    </row>
    <row r="538" spans="1:5" x14ac:dyDescent="0.25">
      <c r="A538" s="276"/>
      <c r="B538" s="277"/>
      <c r="C538" s="278"/>
      <c r="D538" s="279"/>
      <c r="E538" s="111" t="s">
        <v>1022</v>
      </c>
    </row>
    <row r="539" spans="1:5" x14ac:dyDescent="0.25">
      <c r="A539" s="276"/>
      <c r="B539" s="277"/>
      <c r="C539" s="278"/>
      <c r="D539" s="279"/>
      <c r="E539" s="111" t="s">
        <v>1023</v>
      </c>
    </row>
    <row r="540" spans="1:5" ht="25.5" x14ac:dyDescent="0.25">
      <c r="A540" s="276"/>
      <c r="B540" s="277"/>
      <c r="C540" s="278"/>
      <c r="D540" s="279"/>
      <c r="E540" s="111" t="s">
        <v>1024</v>
      </c>
    </row>
    <row r="541" spans="1:5" x14ac:dyDescent="0.25">
      <c r="A541" s="276"/>
      <c r="B541" s="277"/>
      <c r="C541" s="278"/>
      <c r="D541" s="279"/>
      <c r="E541" s="113"/>
    </row>
    <row r="542" spans="1:5" x14ac:dyDescent="0.25">
      <c r="A542" s="276" t="s">
        <v>1025</v>
      </c>
      <c r="B542" s="277" t="s">
        <v>1026</v>
      </c>
      <c r="C542" s="278" t="s">
        <v>1027</v>
      </c>
      <c r="D542" s="279" t="s">
        <v>2923</v>
      </c>
      <c r="E542" s="111" t="s">
        <v>3506</v>
      </c>
    </row>
    <row r="543" spans="1:5" ht="23.25" customHeight="1" x14ac:dyDescent="0.25">
      <c r="A543" s="276"/>
      <c r="B543" s="277"/>
      <c r="C543" s="278"/>
      <c r="D543" s="279"/>
      <c r="E543" s="111" t="s">
        <v>3508</v>
      </c>
    </row>
    <row r="544" spans="1:5" ht="25.5" x14ac:dyDescent="0.25">
      <c r="A544" s="276"/>
      <c r="B544" s="277"/>
      <c r="C544" s="278"/>
      <c r="D544" s="279"/>
      <c r="E544" s="111" t="s">
        <v>1028</v>
      </c>
    </row>
    <row r="545" spans="1:5" ht="25.5" x14ac:dyDescent="0.25">
      <c r="A545" s="276"/>
      <c r="B545" s="277"/>
      <c r="C545" s="278"/>
      <c r="D545" s="279"/>
      <c r="E545" s="111" t="s">
        <v>3507</v>
      </c>
    </row>
    <row r="546" spans="1:5" x14ac:dyDescent="0.25">
      <c r="A546" s="276"/>
      <c r="B546" s="277"/>
      <c r="C546" s="278"/>
      <c r="D546" s="279"/>
      <c r="E546" s="111" t="s">
        <v>1029</v>
      </c>
    </row>
    <row r="547" spans="1:5" ht="25.5" x14ac:dyDescent="0.25">
      <c r="A547" s="276"/>
      <c r="B547" s="277"/>
      <c r="C547" s="278"/>
      <c r="D547" s="279"/>
      <c r="E547" s="111" t="s">
        <v>1030</v>
      </c>
    </row>
    <row r="548" spans="1:5" x14ac:dyDescent="0.25">
      <c r="A548" s="276"/>
      <c r="B548" s="277"/>
      <c r="C548" s="278"/>
      <c r="D548" s="279"/>
      <c r="E548" s="113"/>
    </row>
    <row r="549" spans="1:5" ht="25.5" x14ac:dyDescent="0.25">
      <c r="A549" s="276" t="s">
        <v>1031</v>
      </c>
      <c r="B549" s="277" t="s">
        <v>1032</v>
      </c>
      <c r="C549" s="278" t="s">
        <v>1033</v>
      </c>
      <c r="D549" s="279" t="s">
        <v>2923</v>
      </c>
      <c r="E549" s="111" t="s">
        <v>3505</v>
      </c>
    </row>
    <row r="550" spans="1:5" ht="25.5" x14ac:dyDescent="0.25">
      <c r="A550" s="276"/>
      <c r="B550" s="277"/>
      <c r="C550" s="278"/>
      <c r="D550" s="279"/>
      <c r="E550" s="199" t="s">
        <v>3505</v>
      </c>
    </row>
    <row r="551" spans="1:5" ht="25.5" x14ac:dyDescent="0.25">
      <c r="A551" s="276"/>
      <c r="B551" s="277"/>
      <c r="C551" s="278"/>
      <c r="D551" s="279"/>
      <c r="E551" s="111" t="s">
        <v>3505</v>
      </c>
    </row>
    <row r="552" spans="1:5" ht="25.5" x14ac:dyDescent="0.25">
      <c r="A552" s="276"/>
      <c r="B552" s="277"/>
      <c r="C552" s="278"/>
      <c r="D552" s="279"/>
      <c r="E552" s="111" t="s">
        <v>987</v>
      </c>
    </row>
    <row r="553" spans="1:5" ht="25.5" x14ac:dyDescent="0.25">
      <c r="A553" s="276"/>
      <c r="B553" s="277"/>
      <c r="C553" s="278"/>
      <c r="D553" s="279"/>
      <c r="E553" s="111" t="s">
        <v>3509</v>
      </c>
    </row>
    <row r="554" spans="1:5" ht="25.5" x14ac:dyDescent="0.25">
      <c r="A554" s="276"/>
      <c r="B554" s="277"/>
      <c r="C554" s="278"/>
      <c r="D554" s="279"/>
      <c r="E554" s="199" t="s">
        <v>3509</v>
      </c>
    </row>
    <row r="555" spans="1:5" x14ac:dyDescent="0.25">
      <c r="A555" s="276"/>
      <c r="B555" s="277"/>
      <c r="C555" s="278"/>
      <c r="D555" s="279"/>
      <c r="E555" s="111" t="s">
        <v>1015</v>
      </c>
    </row>
    <row r="556" spans="1:5" x14ac:dyDescent="0.25">
      <c r="A556" s="276"/>
      <c r="B556" s="277"/>
      <c r="C556" s="278"/>
      <c r="D556" s="279"/>
      <c r="E556" s="111" t="s">
        <v>1034</v>
      </c>
    </row>
    <row r="557" spans="1:5" x14ac:dyDescent="0.25">
      <c r="A557" s="276" t="s">
        <v>1035</v>
      </c>
      <c r="B557" s="277" t="s">
        <v>1036</v>
      </c>
      <c r="C557" s="278" t="s">
        <v>1037</v>
      </c>
      <c r="D557" s="279" t="s">
        <v>2923</v>
      </c>
      <c r="E557" s="111" t="s">
        <v>1038</v>
      </c>
    </row>
    <row r="558" spans="1:5" x14ac:dyDescent="0.25">
      <c r="A558" s="276"/>
      <c r="B558" s="277"/>
      <c r="C558" s="278"/>
      <c r="D558" s="279"/>
      <c r="E558" s="111" t="s">
        <v>1039</v>
      </c>
    </row>
    <row r="559" spans="1:5" x14ac:dyDescent="0.25">
      <c r="A559" s="276"/>
      <c r="B559" s="277"/>
      <c r="C559" s="278"/>
      <c r="D559" s="279"/>
      <c r="E559" s="111" t="s">
        <v>1040</v>
      </c>
    </row>
    <row r="560" spans="1:5" x14ac:dyDescent="0.25">
      <c r="A560" s="276"/>
      <c r="B560" s="277"/>
      <c r="C560" s="278"/>
      <c r="D560" s="279"/>
      <c r="E560" s="111" t="s">
        <v>1041</v>
      </c>
    </row>
    <row r="561" spans="1:5" x14ac:dyDescent="0.25">
      <c r="A561" s="276"/>
      <c r="B561" s="277"/>
      <c r="C561" s="278"/>
      <c r="D561" s="279"/>
      <c r="E561" s="111" t="s">
        <v>1042</v>
      </c>
    </row>
    <row r="562" spans="1:5" x14ac:dyDescent="0.25">
      <c r="A562" s="276"/>
      <c r="B562" s="277"/>
      <c r="C562" s="278"/>
      <c r="D562" s="279"/>
      <c r="E562" s="111" t="s">
        <v>1043</v>
      </c>
    </row>
    <row r="563" spans="1:5" x14ac:dyDescent="0.25">
      <c r="A563" s="276"/>
      <c r="B563" s="277"/>
      <c r="C563" s="278"/>
      <c r="D563" s="279"/>
      <c r="E563" s="111" t="s">
        <v>1012</v>
      </c>
    </row>
    <row r="564" spans="1:5" ht="25.5" x14ac:dyDescent="0.25">
      <c r="A564" s="276" t="s">
        <v>1044</v>
      </c>
      <c r="B564" s="277" t="s">
        <v>1045</v>
      </c>
      <c r="C564" s="278" t="s">
        <v>1046</v>
      </c>
      <c r="D564" s="279" t="s">
        <v>2923</v>
      </c>
      <c r="E564" s="111" t="s">
        <v>1047</v>
      </c>
    </row>
    <row r="565" spans="1:5" x14ac:dyDescent="0.25">
      <c r="A565" s="276"/>
      <c r="B565" s="277"/>
      <c r="C565" s="278"/>
      <c r="D565" s="279"/>
      <c r="E565" s="111" t="s">
        <v>1034</v>
      </c>
    </row>
    <row r="566" spans="1:5" ht="25.5" x14ac:dyDescent="0.25">
      <c r="A566" s="276"/>
      <c r="B566" s="277"/>
      <c r="C566" s="278"/>
      <c r="D566" s="279"/>
      <c r="E566" s="111" t="s">
        <v>989</v>
      </c>
    </row>
    <row r="567" spans="1:5" ht="25.5" x14ac:dyDescent="0.25">
      <c r="A567" s="276"/>
      <c r="B567" s="277"/>
      <c r="C567" s="278"/>
      <c r="D567" s="279"/>
      <c r="E567" s="111" t="s">
        <v>3509</v>
      </c>
    </row>
    <row r="568" spans="1:5" x14ac:dyDescent="0.25">
      <c r="A568" s="276"/>
      <c r="B568" s="277"/>
      <c r="C568" s="278"/>
      <c r="D568" s="279"/>
      <c r="E568" s="111" t="s">
        <v>1012</v>
      </c>
    </row>
    <row r="569" spans="1:5" x14ac:dyDescent="0.25">
      <c r="A569" s="276"/>
      <c r="B569" s="277"/>
      <c r="C569" s="278"/>
      <c r="D569" s="279"/>
      <c r="E569" s="111" t="s">
        <v>1023</v>
      </c>
    </row>
    <row r="570" spans="1:5" ht="101.25" customHeight="1" x14ac:dyDescent="0.25">
      <c r="A570" s="276"/>
      <c r="B570" s="277"/>
      <c r="C570" s="278"/>
      <c r="D570" s="279"/>
      <c r="E570" s="111" t="s">
        <v>1048</v>
      </c>
    </row>
    <row r="571" spans="1:5" ht="96" customHeight="1" x14ac:dyDescent="0.25">
      <c r="A571" s="276"/>
      <c r="B571" s="277"/>
      <c r="C571" s="278"/>
      <c r="D571" s="279"/>
      <c r="E571" s="111" t="s">
        <v>3510</v>
      </c>
    </row>
    <row r="572" spans="1:5" ht="97.5" customHeight="1" x14ac:dyDescent="0.25">
      <c r="A572" s="276"/>
      <c r="B572" s="277"/>
      <c r="C572" s="278"/>
      <c r="D572" s="279"/>
      <c r="E572" s="111" t="s">
        <v>1049</v>
      </c>
    </row>
    <row r="573" spans="1:5" ht="95.25" customHeight="1" x14ac:dyDescent="0.25">
      <c r="A573" s="276"/>
      <c r="B573" s="277"/>
      <c r="C573" s="278"/>
      <c r="D573" s="279"/>
      <c r="E573" s="111" t="s">
        <v>1013</v>
      </c>
    </row>
    <row r="574" spans="1:5" ht="25.5" x14ac:dyDescent="0.25">
      <c r="A574" s="276"/>
      <c r="B574" s="277"/>
      <c r="C574" s="278"/>
      <c r="D574" s="279"/>
      <c r="E574" s="111" t="s">
        <v>1028</v>
      </c>
    </row>
    <row r="575" spans="1:5" ht="96" customHeight="1" x14ac:dyDescent="0.25">
      <c r="A575" s="276"/>
      <c r="B575" s="277"/>
      <c r="C575" s="278"/>
      <c r="D575" s="279"/>
      <c r="E575" s="111" t="s">
        <v>1004</v>
      </c>
    </row>
    <row r="576" spans="1:5" ht="93.75" customHeight="1" x14ac:dyDescent="0.25">
      <c r="A576" s="276"/>
      <c r="B576" s="277"/>
      <c r="C576" s="278"/>
      <c r="D576" s="279"/>
      <c r="E576" s="111" t="s">
        <v>1050</v>
      </c>
    </row>
    <row r="577" spans="1:5" ht="25.5" x14ac:dyDescent="0.25">
      <c r="A577" s="276"/>
      <c r="B577" s="277"/>
      <c r="C577" s="278"/>
      <c r="D577" s="279"/>
      <c r="E577" s="111" t="s">
        <v>1030</v>
      </c>
    </row>
    <row r="578" spans="1:5" ht="93" customHeight="1" x14ac:dyDescent="0.25">
      <c r="A578" s="276"/>
      <c r="B578" s="277"/>
      <c r="C578" s="278"/>
      <c r="D578" s="279"/>
      <c r="E578" s="111" t="s">
        <v>1005</v>
      </c>
    </row>
    <row r="579" spans="1:5" ht="25.5" x14ac:dyDescent="0.25">
      <c r="A579" s="276"/>
      <c r="B579" s="277"/>
      <c r="C579" s="278"/>
      <c r="D579" s="279"/>
      <c r="E579" s="111" t="s">
        <v>1051</v>
      </c>
    </row>
    <row r="580" spans="1:5" x14ac:dyDescent="0.25">
      <c r="A580" s="21"/>
      <c r="B580" s="100"/>
      <c r="D580" s="60"/>
      <c r="E580" s="113"/>
    </row>
    <row r="581" spans="1:5" ht="54" customHeight="1" x14ac:dyDescent="0.25">
      <c r="A581" s="272" t="s">
        <v>1052</v>
      </c>
      <c r="B581" s="272"/>
      <c r="D581" s="60"/>
      <c r="E581" s="113"/>
    </row>
    <row r="582" spans="1:5" ht="89.25" x14ac:dyDescent="0.25">
      <c r="A582" s="5" t="s">
        <v>1053</v>
      </c>
      <c r="B582" s="100" t="s">
        <v>1054</v>
      </c>
      <c r="C582" s="4" t="s">
        <v>1055</v>
      </c>
      <c r="D582" s="66" t="s">
        <v>2923</v>
      </c>
      <c r="E582" s="113" t="s">
        <v>3511</v>
      </c>
    </row>
    <row r="583" spans="1:5" ht="89.25" x14ac:dyDescent="0.25">
      <c r="A583" s="5" t="s">
        <v>1056</v>
      </c>
      <c r="B583" s="100" t="s">
        <v>1057</v>
      </c>
      <c r="C583" s="4" t="s">
        <v>1058</v>
      </c>
      <c r="D583" s="66" t="s">
        <v>2923</v>
      </c>
      <c r="E583" s="200" t="s">
        <v>3511</v>
      </c>
    </row>
    <row r="584" spans="1:5" ht="89.25" x14ac:dyDescent="0.25">
      <c r="A584" s="5" t="s">
        <v>1059</v>
      </c>
      <c r="B584" s="100" t="s">
        <v>1060</v>
      </c>
      <c r="C584" s="4" t="s">
        <v>1061</v>
      </c>
      <c r="D584" s="66" t="s">
        <v>2923</v>
      </c>
      <c r="E584" s="200" t="s">
        <v>3511</v>
      </c>
    </row>
    <row r="585" spans="1:5" ht="140.25" customHeight="1" x14ac:dyDescent="0.25">
      <c r="A585" s="94" t="s">
        <v>1062</v>
      </c>
      <c r="B585" s="100" t="s">
        <v>1063</v>
      </c>
      <c r="C585" s="96" t="s">
        <v>1064</v>
      </c>
      <c r="D585" s="95" t="s">
        <v>2923</v>
      </c>
      <c r="E585" s="111" t="s">
        <v>3512</v>
      </c>
    </row>
    <row r="586" spans="1:5" ht="95.25" customHeight="1" x14ac:dyDescent="0.25">
      <c r="A586" s="264" t="s">
        <v>1065</v>
      </c>
      <c r="B586" s="265"/>
      <c r="C586" s="265"/>
      <c r="D586" s="265"/>
      <c r="E586" s="266"/>
    </row>
    <row r="587" spans="1:5" ht="89.25" x14ac:dyDescent="0.25">
      <c r="A587" s="20" t="s">
        <v>1066</v>
      </c>
      <c r="B587" s="103" t="s">
        <v>1067</v>
      </c>
      <c r="C587" s="75" t="s">
        <v>1068</v>
      </c>
      <c r="D587" s="62" t="s">
        <v>2923</v>
      </c>
      <c r="E587" s="76" t="s">
        <v>1069</v>
      </c>
    </row>
    <row r="588" spans="1:5" ht="89.25" x14ac:dyDescent="0.25">
      <c r="A588" s="5" t="s">
        <v>1070</v>
      </c>
      <c r="B588" s="100" t="s">
        <v>1071</v>
      </c>
      <c r="C588" s="4" t="s">
        <v>2924</v>
      </c>
      <c r="D588" s="66" t="s">
        <v>2923</v>
      </c>
      <c r="E588" s="111" t="s">
        <v>1069</v>
      </c>
    </row>
    <row r="589" spans="1:5" x14ac:dyDescent="0.25">
      <c r="A589" s="276" t="s">
        <v>1072</v>
      </c>
      <c r="B589" s="277" t="s">
        <v>1073</v>
      </c>
      <c r="C589" s="278" t="s">
        <v>1068</v>
      </c>
      <c r="D589" s="279" t="s">
        <v>2923</v>
      </c>
      <c r="E589" s="111" t="s">
        <v>1069</v>
      </c>
    </row>
    <row r="590" spans="1:5" x14ac:dyDescent="0.25">
      <c r="A590" s="276"/>
      <c r="B590" s="277"/>
      <c r="C590" s="278"/>
      <c r="D590" s="279"/>
      <c r="E590" s="111" t="s">
        <v>3516</v>
      </c>
    </row>
    <row r="591" spans="1:5" ht="25.5" x14ac:dyDescent="0.25">
      <c r="A591" s="276" t="s">
        <v>1074</v>
      </c>
      <c r="B591" s="277" t="s">
        <v>1075</v>
      </c>
      <c r="C591" s="278" t="s">
        <v>1068</v>
      </c>
      <c r="D591" s="279" t="s">
        <v>2923</v>
      </c>
      <c r="E591" s="111" t="s">
        <v>3514</v>
      </c>
    </row>
    <row r="592" spans="1:5" x14ac:dyDescent="0.25">
      <c r="A592" s="276"/>
      <c r="B592" s="277"/>
      <c r="C592" s="278"/>
      <c r="D592" s="279"/>
      <c r="E592" s="111" t="s">
        <v>3516</v>
      </c>
    </row>
    <row r="593" spans="1:5" x14ac:dyDescent="0.25">
      <c r="A593" s="276"/>
      <c r="B593" s="277"/>
      <c r="C593" s="278"/>
      <c r="D593" s="279"/>
      <c r="E593" s="111" t="s">
        <v>3520</v>
      </c>
    </row>
    <row r="594" spans="1:5" x14ac:dyDescent="0.25">
      <c r="A594" s="276" t="s">
        <v>1076</v>
      </c>
      <c r="B594" s="277" t="s">
        <v>1077</v>
      </c>
      <c r="C594" s="278" t="s">
        <v>1078</v>
      </c>
      <c r="D594" s="279" t="s">
        <v>2923</v>
      </c>
      <c r="E594" s="111" t="s">
        <v>3521</v>
      </c>
    </row>
    <row r="595" spans="1:5" ht="129.75" customHeight="1" x14ac:dyDescent="0.25">
      <c r="A595" s="276"/>
      <c r="B595" s="277"/>
      <c r="C595" s="278"/>
      <c r="D595" s="279"/>
      <c r="E595" s="111" t="s">
        <v>3516</v>
      </c>
    </row>
    <row r="596" spans="1:5" x14ac:dyDescent="0.25">
      <c r="A596" s="276"/>
      <c r="B596" s="277"/>
      <c r="C596" s="278"/>
      <c r="D596" s="279"/>
      <c r="E596" s="111" t="s">
        <v>3515</v>
      </c>
    </row>
    <row r="597" spans="1:5" x14ac:dyDescent="0.25">
      <c r="A597" s="276"/>
      <c r="B597" s="277"/>
      <c r="C597" s="278"/>
      <c r="D597" s="279"/>
      <c r="E597" s="113"/>
    </row>
    <row r="598" spans="1:5" ht="89.25" x14ac:dyDescent="0.25">
      <c r="A598" s="20" t="s">
        <v>1079</v>
      </c>
      <c r="B598" s="103" t="s">
        <v>1080</v>
      </c>
      <c r="C598" s="75" t="s">
        <v>1081</v>
      </c>
      <c r="D598" s="62" t="s">
        <v>2923</v>
      </c>
      <c r="E598" s="111" t="s">
        <v>3516</v>
      </c>
    </row>
    <row r="599" spans="1:5" ht="57" customHeight="1" x14ac:dyDescent="0.25">
      <c r="A599" s="20" t="s">
        <v>1082</v>
      </c>
      <c r="B599" s="103" t="s">
        <v>1083</v>
      </c>
      <c r="C599" s="75" t="s">
        <v>1084</v>
      </c>
      <c r="D599" s="62" t="s">
        <v>2923</v>
      </c>
      <c r="E599" s="111" t="s">
        <v>1085</v>
      </c>
    </row>
    <row r="600" spans="1:5" x14ac:dyDescent="0.25">
      <c r="A600" s="276" t="s">
        <v>1086</v>
      </c>
      <c r="B600" s="277" t="s">
        <v>1087</v>
      </c>
      <c r="C600" s="278" t="s">
        <v>2925</v>
      </c>
      <c r="D600" s="279" t="s">
        <v>2923</v>
      </c>
      <c r="E600" s="111" t="s">
        <v>3513</v>
      </c>
    </row>
    <row r="601" spans="1:5" x14ac:dyDescent="0.25">
      <c r="A601" s="276"/>
      <c r="B601" s="277"/>
      <c r="C601" s="278"/>
      <c r="D601" s="279"/>
      <c r="E601" s="111" t="s">
        <v>3516</v>
      </c>
    </row>
    <row r="602" spans="1:5" x14ac:dyDescent="0.25">
      <c r="A602" s="276"/>
      <c r="B602" s="277"/>
      <c r="C602" s="278"/>
      <c r="D602" s="279"/>
      <c r="E602" s="111" t="s">
        <v>1088</v>
      </c>
    </row>
    <row r="603" spans="1:5" x14ac:dyDescent="0.25">
      <c r="A603" s="276"/>
      <c r="B603" s="277"/>
      <c r="C603" s="278"/>
      <c r="D603" s="279"/>
      <c r="E603" s="111" t="s">
        <v>1089</v>
      </c>
    </row>
    <row r="604" spans="1:5" ht="25.5" x14ac:dyDescent="0.25">
      <c r="A604" s="276"/>
      <c r="B604" s="277"/>
      <c r="C604" s="278"/>
      <c r="D604" s="279"/>
      <c r="E604" s="111" t="s">
        <v>3519</v>
      </c>
    </row>
    <row r="605" spans="1:5" x14ac:dyDescent="0.25">
      <c r="A605" s="276"/>
      <c r="B605" s="277"/>
      <c r="C605" s="278"/>
      <c r="D605" s="279"/>
      <c r="E605" s="111" t="s">
        <v>1069</v>
      </c>
    </row>
    <row r="606" spans="1:5" ht="25.5" x14ac:dyDescent="0.25">
      <c r="A606" s="276"/>
      <c r="B606" s="277"/>
      <c r="C606" s="278"/>
      <c r="D606" s="279"/>
      <c r="E606" s="111" t="s">
        <v>3514</v>
      </c>
    </row>
    <row r="607" spans="1:5" ht="114" x14ac:dyDescent="0.25">
      <c r="A607" s="20" t="s">
        <v>1090</v>
      </c>
      <c r="B607" s="103" t="s">
        <v>1091</v>
      </c>
      <c r="C607" s="75" t="s">
        <v>1092</v>
      </c>
      <c r="D607" s="62" t="s">
        <v>2923</v>
      </c>
      <c r="E607" s="111" t="s">
        <v>1093</v>
      </c>
    </row>
    <row r="608" spans="1:5" x14ac:dyDescent="0.25">
      <c r="A608" s="264" t="s">
        <v>1094</v>
      </c>
      <c r="B608" s="265"/>
      <c r="C608" s="265"/>
      <c r="D608" s="265"/>
      <c r="E608" s="266"/>
    </row>
    <row r="609" spans="1:5" ht="36" customHeight="1" x14ac:dyDescent="0.25">
      <c r="A609" s="276" t="s">
        <v>1095</v>
      </c>
      <c r="B609" s="277" t="s">
        <v>1096</v>
      </c>
      <c r="C609" s="278" t="s">
        <v>1097</v>
      </c>
      <c r="D609" s="279" t="s">
        <v>2923</v>
      </c>
      <c r="E609" s="111" t="s">
        <v>3522</v>
      </c>
    </row>
    <row r="610" spans="1:5" ht="25.5" x14ac:dyDescent="0.25">
      <c r="A610" s="276"/>
      <c r="B610" s="277"/>
      <c r="C610" s="278"/>
      <c r="D610" s="279"/>
      <c r="E610" s="111" t="s">
        <v>3524</v>
      </c>
    </row>
    <row r="611" spans="1:5" x14ac:dyDescent="0.25">
      <c r="A611" s="276"/>
      <c r="B611" s="277"/>
      <c r="C611" s="278"/>
      <c r="D611" s="279"/>
      <c r="E611" s="113"/>
    </row>
    <row r="612" spans="1:5" x14ac:dyDescent="0.25">
      <c r="A612" s="276" t="s">
        <v>1098</v>
      </c>
      <c r="B612" s="277" t="s">
        <v>1099</v>
      </c>
      <c r="C612" s="278" t="s">
        <v>2929</v>
      </c>
      <c r="D612" s="279" t="s">
        <v>2923</v>
      </c>
      <c r="E612" s="111" t="s">
        <v>3522</v>
      </c>
    </row>
    <row r="613" spans="1:5" ht="25.5" x14ac:dyDescent="0.25">
      <c r="A613" s="276"/>
      <c r="B613" s="277"/>
      <c r="C613" s="278"/>
      <c r="D613" s="279"/>
      <c r="E613" s="111" t="s">
        <v>3526</v>
      </c>
    </row>
    <row r="614" spans="1:5" ht="25.5" x14ac:dyDescent="0.25">
      <c r="A614" s="276"/>
      <c r="B614" s="277"/>
      <c r="C614" s="278"/>
      <c r="D614" s="279"/>
      <c r="E614" s="111" t="s">
        <v>3524</v>
      </c>
    </row>
    <row r="615" spans="1:5" ht="72.75" customHeight="1" x14ac:dyDescent="0.25">
      <c r="A615" s="276"/>
      <c r="B615" s="277"/>
      <c r="C615" s="278"/>
      <c r="D615" s="279"/>
      <c r="E615" s="111" t="s">
        <v>3529</v>
      </c>
    </row>
    <row r="616" spans="1:5" ht="25.5" x14ac:dyDescent="0.25">
      <c r="A616" s="276"/>
      <c r="B616" s="277"/>
      <c r="C616" s="278"/>
      <c r="D616" s="279"/>
      <c r="E616" s="111" t="s">
        <v>3528</v>
      </c>
    </row>
    <row r="617" spans="1:5" x14ac:dyDescent="0.25">
      <c r="A617" s="276"/>
      <c r="B617" s="277"/>
      <c r="C617" s="278"/>
      <c r="D617" s="279"/>
      <c r="E617" s="113"/>
    </row>
    <row r="618" spans="1:5" ht="51.75" customHeight="1" x14ac:dyDescent="0.25">
      <c r="A618" s="276" t="s">
        <v>1100</v>
      </c>
      <c r="B618" s="277" t="s">
        <v>1101</v>
      </c>
      <c r="C618" s="278" t="s">
        <v>2930</v>
      </c>
      <c r="D618" s="279" t="s">
        <v>2923</v>
      </c>
      <c r="E618" s="111" t="s">
        <v>3522</v>
      </c>
    </row>
    <row r="619" spans="1:5" ht="25.5" x14ac:dyDescent="0.25">
      <c r="A619" s="276"/>
      <c r="B619" s="277"/>
      <c r="C619" s="278"/>
      <c r="D619" s="279"/>
      <c r="E619" s="111" t="s">
        <v>3527</v>
      </c>
    </row>
    <row r="620" spans="1:5" ht="25.5" x14ac:dyDescent="0.25">
      <c r="A620" s="276"/>
      <c r="B620" s="277"/>
      <c r="C620" s="278"/>
      <c r="D620" s="279"/>
      <c r="E620" s="111" t="s">
        <v>3528</v>
      </c>
    </row>
    <row r="621" spans="1:5" x14ac:dyDescent="0.25">
      <c r="A621" s="276"/>
      <c r="B621" s="277"/>
      <c r="C621" s="278"/>
      <c r="D621" s="279"/>
      <c r="E621" s="113"/>
    </row>
    <row r="622" spans="1:5" ht="25.5" x14ac:dyDescent="0.25">
      <c r="A622" s="276" t="s">
        <v>1102</v>
      </c>
      <c r="B622" s="277" t="s">
        <v>1103</v>
      </c>
      <c r="C622" s="278" t="s">
        <v>2930</v>
      </c>
      <c r="D622" s="279" t="s">
        <v>2923</v>
      </c>
      <c r="E622" s="111" t="s">
        <v>3529</v>
      </c>
    </row>
    <row r="623" spans="1:5" x14ac:dyDescent="0.25">
      <c r="A623" s="276"/>
      <c r="B623" s="277"/>
      <c r="C623" s="278"/>
      <c r="D623" s="279"/>
      <c r="E623" s="111" t="s">
        <v>3522</v>
      </c>
    </row>
    <row r="624" spans="1:5" ht="25.5" x14ac:dyDescent="0.25">
      <c r="A624" s="276"/>
      <c r="B624" s="277"/>
      <c r="C624" s="278"/>
      <c r="D624" s="279"/>
      <c r="E624" s="111" t="s">
        <v>3525</v>
      </c>
    </row>
    <row r="625" spans="1:5" ht="25.5" x14ac:dyDescent="0.25">
      <c r="A625" s="276"/>
      <c r="B625" s="277"/>
      <c r="C625" s="278"/>
      <c r="D625" s="279"/>
      <c r="E625" s="111" t="s">
        <v>3527</v>
      </c>
    </row>
    <row r="626" spans="1:5" x14ac:dyDescent="0.25">
      <c r="A626" s="276" t="s">
        <v>1104</v>
      </c>
      <c r="B626" s="277" t="s">
        <v>1105</v>
      </c>
      <c r="C626" s="278" t="s">
        <v>2931</v>
      </c>
      <c r="D626" s="279" t="s">
        <v>2923</v>
      </c>
      <c r="E626" s="111" t="s">
        <v>3522</v>
      </c>
    </row>
    <row r="627" spans="1:5" ht="25.5" x14ac:dyDescent="0.25">
      <c r="A627" s="276"/>
      <c r="B627" s="277"/>
      <c r="C627" s="278"/>
      <c r="D627" s="279"/>
      <c r="E627" s="111" t="s">
        <v>3529</v>
      </c>
    </row>
    <row r="628" spans="1:5" x14ac:dyDescent="0.25">
      <c r="A628" s="276" t="s">
        <v>1106</v>
      </c>
      <c r="B628" s="277" t="s">
        <v>1107</v>
      </c>
      <c r="C628" s="278" t="s">
        <v>2932</v>
      </c>
      <c r="D628" s="267" t="s">
        <v>2923</v>
      </c>
      <c r="E628" s="111" t="s">
        <v>3523</v>
      </c>
    </row>
    <row r="629" spans="1:5" ht="25.5" x14ac:dyDescent="0.25">
      <c r="A629" s="276"/>
      <c r="B629" s="277"/>
      <c r="C629" s="278"/>
      <c r="D629" s="301"/>
      <c r="E629" s="111" t="s">
        <v>3524</v>
      </c>
    </row>
    <row r="630" spans="1:5" ht="25.5" x14ac:dyDescent="0.25">
      <c r="A630" s="276"/>
      <c r="B630" s="277"/>
      <c r="C630" s="278"/>
      <c r="D630" s="301"/>
      <c r="E630" s="111" t="s">
        <v>3527</v>
      </c>
    </row>
    <row r="631" spans="1:5" x14ac:dyDescent="0.25">
      <c r="A631" s="276"/>
      <c r="B631" s="277"/>
      <c r="C631" s="278"/>
      <c r="D631" s="279"/>
      <c r="E631" s="111" t="s">
        <v>3522</v>
      </c>
    </row>
    <row r="632" spans="1:5" ht="25.5" x14ac:dyDescent="0.25">
      <c r="A632" s="276"/>
      <c r="B632" s="277"/>
      <c r="C632" s="278"/>
      <c r="D632" s="279"/>
      <c r="E632" s="111" t="s">
        <v>3528</v>
      </c>
    </row>
    <row r="633" spans="1:5" x14ac:dyDescent="0.25">
      <c r="A633" s="276"/>
      <c r="B633" s="277"/>
      <c r="C633" s="278"/>
      <c r="D633" s="279"/>
      <c r="E633" s="113"/>
    </row>
    <row r="634" spans="1:5" x14ac:dyDescent="0.25">
      <c r="A634" s="276" t="s">
        <v>1108</v>
      </c>
      <c r="B634" s="277" t="s">
        <v>1109</v>
      </c>
      <c r="C634" s="278" t="s">
        <v>1110</v>
      </c>
      <c r="D634" s="279" t="s">
        <v>2923</v>
      </c>
      <c r="E634" s="111" t="s">
        <v>3522</v>
      </c>
    </row>
    <row r="635" spans="1:5" ht="25.5" x14ac:dyDescent="0.25">
      <c r="A635" s="276"/>
      <c r="B635" s="277"/>
      <c r="C635" s="278"/>
      <c r="D635" s="279"/>
      <c r="E635" s="111" t="s">
        <v>3529</v>
      </c>
    </row>
    <row r="636" spans="1:5" ht="25.5" x14ac:dyDescent="0.25">
      <c r="A636" s="276"/>
      <c r="B636" s="277"/>
      <c r="C636" s="278"/>
      <c r="D636" s="279"/>
      <c r="E636" s="111" t="s">
        <v>3525</v>
      </c>
    </row>
    <row r="637" spans="1:5" ht="25.5" x14ac:dyDescent="0.25">
      <c r="A637" s="276"/>
      <c r="B637" s="277"/>
      <c r="C637" s="278"/>
      <c r="D637" s="279"/>
      <c r="E637" s="111" t="s">
        <v>3527</v>
      </c>
    </row>
    <row r="638" spans="1:5" ht="25.5" x14ac:dyDescent="0.25">
      <c r="A638" s="276"/>
      <c r="B638" s="277"/>
      <c r="C638" s="278"/>
      <c r="D638" s="279"/>
      <c r="E638" s="111" t="s">
        <v>3528</v>
      </c>
    </row>
    <row r="639" spans="1:5" ht="25.5" x14ac:dyDescent="0.25">
      <c r="A639" s="276"/>
      <c r="B639" s="277"/>
      <c r="C639" s="278"/>
      <c r="D639" s="279"/>
      <c r="E639" s="111" t="s">
        <v>3529</v>
      </c>
    </row>
    <row r="640" spans="1:5" ht="25.5" x14ac:dyDescent="0.25">
      <c r="A640" s="276"/>
      <c r="B640" s="277"/>
      <c r="C640" s="278"/>
      <c r="D640" s="279"/>
      <c r="E640" s="111" t="s">
        <v>3528</v>
      </c>
    </row>
    <row r="641" spans="1:5" x14ac:dyDescent="0.25">
      <c r="A641" s="276" t="s">
        <v>1111</v>
      </c>
      <c r="B641" s="277" t="s">
        <v>1112</v>
      </c>
      <c r="C641" s="278" t="s">
        <v>1113</v>
      </c>
      <c r="D641" s="279" t="s">
        <v>2923</v>
      </c>
      <c r="E641" s="111" t="s">
        <v>3517</v>
      </c>
    </row>
    <row r="642" spans="1:5" x14ac:dyDescent="0.25">
      <c r="A642" s="276"/>
      <c r="B642" s="277"/>
      <c r="C642" s="278"/>
      <c r="D642" s="279"/>
      <c r="E642" s="111" t="s">
        <v>3517</v>
      </c>
    </row>
    <row r="643" spans="1:5" x14ac:dyDescent="0.25">
      <c r="A643" s="276"/>
      <c r="B643" s="277"/>
      <c r="C643" s="278"/>
      <c r="D643" s="279"/>
      <c r="E643" s="111" t="s">
        <v>3518</v>
      </c>
    </row>
    <row r="644" spans="1:5" ht="97.5" customHeight="1" x14ac:dyDescent="0.25">
      <c r="A644" s="276"/>
      <c r="B644" s="277"/>
      <c r="C644" s="278"/>
      <c r="D644" s="279"/>
      <c r="E644" s="111" t="s">
        <v>1093</v>
      </c>
    </row>
    <row r="645" spans="1:5" ht="25.5" x14ac:dyDescent="0.25">
      <c r="A645" s="276"/>
      <c r="B645" s="277"/>
      <c r="C645" s="278"/>
      <c r="D645" s="279"/>
      <c r="E645" s="111" t="s">
        <v>1114</v>
      </c>
    </row>
    <row r="646" spans="1:5" ht="25.5" x14ac:dyDescent="0.25">
      <c r="A646" s="276"/>
      <c r="B646" s="277"/>
      <c r="C646" s="278"/>
      <c r="D646" s="279"/>
      <c r="E646" s="111" t="s">
        <v>1093</v>
      </c>
    </row>
    <row r="647" spans="1:5" ht="29.25" customHeight="1" x14ac:dyDescent="0.25">
      <c r="A647" s="276"/>
      <c r="B647" s="277"/>
      <c r="C647" s="278"/>
      <c r="D647" s="279"/>
      <c r="E647" s="111" t="s">
        <v>3522</v>
      </c>
    </row>
    <row r="648" spans="1:5" x14ac:dyDescent="0.25">
      <c r="A648" s="276"/>
      <c r="B648" s="277"/>
      <c r="C648" s="278"/>
      <c r="D648" s="279"/>
      <c r="E648" s="111" t="s">
        <v>3522</v>
      </c>
    </row>
    <row r="649" spans="1:5" ht="25.5" x14ac:dyDescent="0.25">
      <c r="A649" s="276"/>
      <c r="B649" s="277"/>
      <c r="C649" s="278"/>
      <c r="D649" s="279"/>
      <c r="E649" s="111" t="s">
        <v>3529</v>
      </c>
    </row>
    <row r="650" spans="1:5" ht="38.25" customHeight="1" x14ac:dyDescent="0.25">
      <c r="A650" s="276"/>
      <c r="B650" s="277"/>
      <c r="C650" s="278"/>
      <c r="D650" s="279"/>
      <c r="E650" s="111" t="s">
        <v>1115</v>
      </c>
    </row>
    <row r="651" spans="1:5" ht="25.5" x14ac:dyDescent="0.25">
      <c r="A651" s="276"/>
      <c r="B651" s="277"/>
      <c r="C651" s="278"/>
      <c r="D651" s="279"/>
      <c r="E651" s="111" t="s">
        <v>1116</v>
      </c>
    </row>
    <row r="652" spans="1:5" ht="26.25" customHeight="1" x14ac:dyDescent="0.25">
      <c r="A652" s="276"/>
      <c r="B652" s="277"/>
      <c r="C652" s="278"/>
      <c r="D652" s="279"/>
      <c r="E652" s="111" t="s">
        <v>3514</v>
      </c>
    </row>
    <row r="653" spans="1:5" x14ac:dyDescent="0.25">
      <c r="A653" s="21"/>
      <c r="B653" s="100"/>
      <c r="D653" s="60"/>
      <c r="E653" s="113"/>
    </row>
    <row r="654" spans="1:5" x14ac:dyDescent="0.25">
      <c r="A654" s="272" t="s">
        <v>1117</v>
      </c>
      <c r="B654" s="272"/>
      <c r="D654" s="60"/>
      <c r="E654" s="113"/>
    </row>
    <row r="655" spans="1:5" x14ac:dyDescent="0.25">
      <c r="A655" s="276" t="s">
        <v>1118</v>
      </c>
      <c r="B655" s="277" t="s">
        <v>1119</v>
      </c>
      <c r="C655" s="278" t="s">
        <v>1120</v>
      </c>
      <c r="D655" s="279" t="s">
        <v>22</v>
      </c>
      <c r="E655" s="280" t="s">
        <v>1121</v>
      </c>
    </row>
    <row r="656" spans="1:5" x14ac:dyDescent="0.25">
      <c r="A656" s="276"/>
      <c r="B656" s="277"/>
      <c r="C656" s="278"/>
      <c r="D656" s="279"/>
      <c r="E656" s="280"/>
    </row>
    <row r="657" spans="1:5" x14ac:dyDescent="0.25">
      <c r="A657" s="276" t="s">
        <v>1122</v>
      </c>
      <c r="B657" s="277" t="s">
        <v>1123</v>
      </c>
      <c r="C657" s="278" t="s">
        <v>1124</v>
      </c>
      <c r="D657" s="279" t="s">
        <v>22</v>
      </c>
      <c r="E657" s="111" t="s">
        <v>1125</v>
      </c>
    </row>
    <row r="658" spans="1:5" ht="25.5" x14ac:dyDescent="0.25">
      <c r="A658" s="276"/>
      <c r="B658" s="277"/>
      <c r="C658" s="278"/>
      <c r="D658" s="279"/>
      <c r="E658" s="111" t="s">
        <v>1126</v>
      </c>
    </row>
    <row r="659" spans="1:5" x14ac:dyDescent="0.25">
      <c r="A659" s="276"/>
      <c r="B659" s="277"/>
      <c r="C659" s="278"/>
      <c r="D659" s="279"/>
      <c r="E659" s="111" t="s">
        <v>1127</v>
      </c>
    </row>
    <row r="660" spans="1:5" ht="25.5" x14ac:dyDescent="0.25">
      <c r="A660" s="276"/>
      <c r="B660" s="277"/>
      <c r="C660" s="278"/>
      <c r="D660" s="279"/>
      <c r="E660" s="111" t="s">
        <v>1128</v>
      </c>
    </row>
    <row r="661" spans="1:5" ht="25.5" x14ac:dyDescent="0.25">
      <c r="A661" s="276"/>
      <c r="B661" s="277"/>
      <c r="C661" s="278"/>
      <c r="D661" s="279"/>
      <c r="E661" s="111" t="s">
        <v>1129</v>
      </c>
    </row>
    <row r="662" spans="1:5" ht="25.5" x14ac:dyDescent="0.25">
      <c r="A662" s="276"/>
      <c r="B662" s="277"/>
      <c r="C662" s="278"/>
      <c r="D662" s="279"/>
      <c r="E662" s="111" t="s">
        <v>1130</v>
      </c>
    </row>
    <row r="663" spans="1:5" ht="25.5" x14ac:dyDescent="0.25">
      <c r="A663" s="276" t="s">
        <v>1131</v>
      </c>
      <c r="B663" s="277" t="s">
        <v>1132</v>
      </c>
      <c r="C663" s="278" t="s">
        <v>1133</v>
      </c>
      <c r="D663" s="279" t="s">
        <v>22</v>
      </c>
      <c r="E663" s="111" t="s">
        <v>1134</v>
      </c>
    </row>
    <row r="664" spans="1:5" x14ac:dyDescent="0.25">
      <c r="A664" s="276"/>
      <c r="B664" s="277"/>
      <c r="C664" s="278"/>
      <c r="D664" s="279"/>
      <c r="E664" s="111" t="s">
        <v>1127</v>
      </c>
    </row>
    <row r="665" spans="1:5" ht="25.5" x14ac:dyDescent="0.25">
      <c r="A665" s="276"/>
      <c r="B665" s="277"/>
      <c r="C665" s="278"/>
      <c r="D665" s="279"/>
      <c r="E665" s="111" t="s">
        <v>1135</v>
      </c>
    </row>
    <row r="666" spans="1:5" ht="25.5" x14ac:dyDescent="0.25">
      <c r="A666" s="276"/>
      <c r="B666" s="277"/>
      <c r="C666" s="278"/>
      <c r="D666" s="279"/>
      <c r="E666" s="111" t="s">
        <v>1136</v>
      </c>
    </row>
    <row r="667" spans="1:5" ht="25.5" x14ac:dyDescent="0.25">
      <c r="A667" s="276"/>
      <c r="B667" s="277"/>
      <c r="C667" s="278"/>
      <c r="D667" s="279"/>
      <c r="E667" s="111" t="s">
        <v>1137</v>
      </c>
    </row>
    <row r="668" spans="1:5" ht="25.5" x14ac:dyDescent="0.25">
      <c r="A668" s="276"/>
      <c r="B668" s="277"/>
      <c r="C668" s="278"/>
      <c r="D668" s="279"/>
      <c r="E668" s="111" t="s">
        <v>1138</v>
      </c>
    </row>
    <row r="669" spans="1:5" x14ac:dyDescent="0.25">
      <c r="A669" s="276"/>
      <c r="B669" s="277"/>
      <c r="C669" s="278"/>
      <c r="D669" s="279"/>
      <c r="E669" s="111" t="s">
        <v>1139</v>
      </c>
    </row>
    <row r="670" spans="1:5" ht="42.75" x14ac:dyDescent="0.25">
      <c r="A670" s="5" t="s">
        <v>1140</v>
      </c>
      <c r="B670" s="100" t="s">
        <v>1141</v>
      </c>
      <c r="C670" s="4" t="s">
        <v>1142</v>
      </c>
      <c r="D670" s="60" t="s">
        <v>22</v>
      </c>
      <c r="E670" s="111" t="s">
        <v>1128</v>
      </c>
    </row>
    <row r="671" spans="1:5" ht="25.5" x14ac:dyDescent="0.25">
      <c r="A671" s="276" t="s">
        <v>1143</v>
      </c>
      <c r="B671" s="277" t="s">
        <v>1144</v>
      </c>
      <c r="C671" s="278" t="s">
        <v>1145</v>
      </c>
      <c r="D671" s="279" t="s">
        <v>22</v>
      </c>
      <c r="E671" s="111" t="s">
        <v>1146</v>
      </c>
    </row>
    <row r="672" spans="1:5" ht="25.5" x14ac:dyDescent="0.25">
      <c r="A672" s="276"/>
      <c r="B672" s="277"/>
      <c r="C672" s="278"/>
      <c r="D672" s="279"/>
      <c r="E672" s="111" t="s">
        <v>1147</v>
      </c>
    </row>
    <row r="673" spans="1:5" x14ac:dyDescent="0.25">
      <c r="A673" s="276" t="s">
        <v>1148</v>
      </c>
      <c r="B673" s="277" t="s">
        <v>1149</v>
      </c>
      <c r="C673" s="278" t="s">
        <v>2933</v>
      </c>
      <c r="D673" s="279" t="s">
        <v>22</v>
      </c>
      <c r="E673" s="111" t="s">
        <v>1150</v>
      </c>
    </row>
    <row r="674" spans="1:5" ht="25.5" x14ac:dyDescent="0.25">
      <c r="A674" s="276"/>
      <c r="B674" s="277"/>
      <c r="C674" s="278"/>
      <c r="D674" s="279"/>
      <c r="E674" s="111" t="s">
        <v>1151</v>
      </c>
    </row>
    <row r="675" spans="1:5" ht="71.25" customHeight="1" x14ac:dyDescent="0.25">
      <c r="A675" s="276"/>
      <c r="B675" s="277"/>
      <c r="C675" s="278"/>
      <c r="D675" s="279"/>
      <c r="E675" s="111" t="s">
        <v>1128</v>
      </c>
    </row>
    <row r="676" spans="1:5" ht="25.5" x14ac:dyDescent="0.25">
      <c r="A676" s="276"/>
      <c r="B676" s="277"/>
      <c r="C676" s="278"/>
      <c r="D676" s="279"/>
      <c r="E676" s="111" t="s">
        <v>1129</v>
      </c>
    </row>
    <row r="677" spans="1:5" ht="71.25" x14ac:dyDescent="0.25">
      <c r="A677" s="5" t="s">
        <v>3043</v>
      </c>
      <c r="B677" s="100" t="s">
        <v>3044</v>
      </c>
      <c r="C677" s="5" t="s">
        <v>3045</v>
      </c>
      <c r="D677" s="60" t="s">
        <v>2697</v>
      </c>
      <c r="E677" s="113" t="s">
        <v>3046</v>
      </c>
    </row>
    <row r="678" spans="1:5" ht="49.5" customHeight="1" x14ac:dyDescent="0.25">
      <c r="A678" s="272" t="s">
        <v>1152</v>
      </c>
      <c r="B678" s="272"/>
      <c r="D678" s="60"/>
      <c r="E678" s="113"/>
    </row>
    <row r="679" spans="1:5" ht="125.25" customHeight="1" x14ac:dyDescent="0.25">
      <c r="A679" s="276" t="s">
        <v>1153</v>
      </c>
      <c r="B679" s="277" t="s">
        <v>1154</v>
      </c>
      <c r="C679" s="278" t="s">
        <v>1155</v>
      </c>
      <c r="D679" s="279" t="s">
        <v>22</v>
      </c>
      <c r="E679" s="111" t="s">
        <v>1156</v>
      </c>
    </row>
    <row r="680" spans="1:5" ht="95.25" customHeight="1" x14ac:dyDescent="0.25">
      <c r="A680" s="276"/>
      <c r="B680" s="277"/>
      <c r="C680" s="278"/>
      <c r="D680" s="279"/>
      <c r="E680" s="111" t="s">
        <v>1130</v>
      </c>
    </row>
    <row r="681" spans="1:5" ht="25.5" x14ac:dyDescent="0.25">
      <c r="A681" s="276"/>
      <c r="B681" s="277"/>
      <c r="C681" s="278"/>
      <c r="D681" s="279"/>
      <c r="E681" s="111" t="s">
        <v>1157</v>
      </c>
    </row>
    <row r="682" spans="1:5" ht="93" customHeight="1" x14ac:dyDescent="0.25">
      <c r="A682" s="276"/>
      <c r="B682" s="277"/>
      <c r="C682" s="278"/>
      <c r="D682" s="279"/>
      <c r="E682" s="111" t="s">
        <v>1158</v>
      </c>
    </row>
    <row r="683" spans="1:5" x14ac:dyDescent="0.25">
      <c r="A683" s="276"/>
      <c r="B683" s="277"/>
      <c r="C683" s="278"/>
      <c r="D683" s="279"/>
      <c r="E683" s="111" t="s">
        <v>1159</v>
      </c>
    </row>
    <row r="684" spans="1:5" ht="25.5" x14ac:dyDescent="0.25">
      <c r="A684" s="276"/>
      <c r="B684" s="277"/>
      <c r="C684" s="278"/>
      <c r="D684" s="279"/>
      <c r="E684" s="111" t="s">
        <v>3581</v>
      </c>
    </row>
    <row r="685" spans="1:5" ht="25.5" x14ac:dyDescent="0.25">
      <c r="A685" s="276"/>
      <c r="B685" s="277"/>
      <c r="C685" s="278"/>
      <c r="D685" s="279"/>
      <c r="E685" s="111" t="s">
        <v>1160</v>
      </c>
    </row>
    <row r="686" spans="1:5" ht="217.5" customHeight="1" x14ac:dyDescent="0.25">
      <c r="A686" s="276" t="s">
        <v>1161</v>
      </c>
      <c r="B686" s="277" t="s">
        <v>1162</v>
      </c>
      <c r="C686" s="278" t="s">
        <v>1163</v>
      </c>
      <c r="D686" s="279" t="s">
        <v>2923</v>
      </c>
      <c r="E686" s="111" t="s">
        <v>1164</v>
      </c>
    </row>
    <row r="687" spans="1:5" ht="25.5" x14ac:dyDescent="0.25">
      <c r="A687" s="276"/>
      <c r="B687" s="277"/>
      <c r="C687" s="278"/>
      <c r="D687" s="279"/>
      <c r="E687" s="111" t="s">
        <v>1165</v>
      </c>
    </row>
    <row r="688" spans="1:5" ht="170.25" customHeight="1" x14ac:dyDescent="0.25">
      <c r="A688" s="276" t="s">
        <v>1166</v>
      </c>
      <c r="B688" s="277" t="s">
        <v>1167</v>
      </c>
      <c r="C688" s="278" t="s">
        <v>1168</v>
      </c>
      <c r="D688" s="279" t="s">
        <v>2923</v>
      </c>
      <c r="E688" s="111" t="s">
        <v>1116</v>
      </c>
    </row>
    <row r="689" spans="1:5" ht="25.5" x14ac:dyDescent="0.25">
      <c r="A689" s="276"/>
      <c r="B689" s="277"/>
      <c r="C689" s="278"/>
      <c r="D689" s="279"/>
      <c r="E689" s="111" t="s">
        <v>1169</v>
      </c>
    </row>
    <row r="690" spans="1:5" ht="25.5" x14ac:dyDescent="0.25">
      <c r="A690" s="276"/>
      <c r="B690" s="277"/>
      <c r="C690" s="278"/>
      <c r="D690" s="279"/>
      <c r="E690" s="111" t="s">
        <v>3586</v>
      </c>
    </row>
    <row r="691" spans="1:5" ht="114.75" x14ac:dyDescent="0.25">
      <c r="A691" s="123" t="s">
        <v>1170</v>
      </c>
      <c r="B691" s="124" t="s">
        <v>1171</v>
      </c>
      <c r="C691" s="125" t="s">
        <v>1172</v>
      </c>
      <c r="D691" s="126" t="s">
        <v>2923</v>
      </c>
      <c r="E691" s="111" t="s">
        <v>3290</v>
      </c>
    </row>
    <row r="692" spans="1:5" ht="33" customHeight="1" x14ac:dyDescent="0.25">
      <c r="A692" s="20" t="s">
        <v>1173</v>
      </c>
      <c r="B692" s="103" t="s">
        <v>1174</v>
      </c>
      <c r="C692" s="75" t="s">
        <v>1175</v>
      </c>
      <c r="D692" s="62" t="s">
        <v>2923</v>
      </c>
      <c r="E692" s="76" t="s">
        <v>1169</v>
      </c>
    </row>
    <row r="693" spans="1:5" x14ac:dyDescent="0.25">
      <c r="A693" s="272" t="s">
        <v>1176</v>
      </c>
      <c r="B693" s="272"/>
      <c r="D693" s="60"/>
      <c r="E693" s="113"/>
    </row>
    <row r="694" spans="1:5" ht="89.25" x14ac:dyDescent="0.25">
      <c r="A694" s="123" t="s">
        <v>1177</v>
      </c>
      <c r="B694" s="124" t="s">
        <v>1178</v>
      </c>
      <c r="C694" s="125" t="s">
        <v>1179</v>
      </c>
      <c r="D694" s="126" t="s">
        <v>2923</v>
      </c>
      <c r="E694" s="111" t="s">
        <v>3288</v>
      </c>
    </row>
    <row r="695" spans="1:5" ht="99.75" x14ac:dyDescent="0.25">
      <c r="A695" s="123" t="s">
        <v>1181</v>
      </c>
      <c r="B695" s="124" t="s">
        <v>1182</v>
      </c>
      <c r="C695" s="125" t="s">
        <v>1183</v>
      </c>
      <c r="D695" s="126" t="s">
        <v>2923</v>
      </c>
      <c r="E695" s="111" t="s">
        <v>3289</v>
      </c>
    </row>
    <row r="696" spans="1:5" ht="128.25" x14ac:dyDescent="0.25">
      <c r="A696" s="20" t="s">
        <v>1184</v>
      </c>
      <c r="B696" s="103" t="s">
        <v>1185</v>
      </c>
      <c r="C696" s="75" t="s">
        <v>1186</v>
      </c>
      <c r="D696" s="62" t="s">
        <v>2923</v>
      </c>
      <c r="E696" s="76" t="s">
        <v>1180</v>
      </c>
    </row>
    <row r="697" spans="1:5" ht="128.25" x14ac:dyDescent="0.25">
      <c r="A697" s="20" t="s">
        <v>1187</v>
      </c>
      <c r="B697" s="103" t="s">
        <v>1188</v>
      </c>
      <c r="C697" s="75" t="s">
        <v>1186</v>
      </c>
      <c r="D697" s="62" t="s">
        <v>2923</v>
      </c>
      <c r="E697" s="76" t="s">
        <v>3534</v>
      </c>
    </row>
    <row r="698" spans="1:5" ht="204" x14ac:dyDescent="0.25">
      <c r="A698" s="123" t="s">
        <v>1189</v>
      </c>
      <c r="B698" s="124" t="s">
        <v>1190</v>
      </c>
      <c r="C698" s="125" t="s">
        <v>1191</v>
      </c>
      <c r="D698" s="126" t="s">
        <v>2923</v>
      </c>
      <c r="E698" s="111" t="s">
        <v>3535</v>
      </c>
    </row>
    <row r="699" spans="1:5" x14ac:dyDescent="0.25">
      <c r="A699" s="272" t="s">
        <v>1193</v>
      </c>
      <c r="B699" s="272"/>
      <c r="D699" s="60"/>
      <c r="E699" s="113"/>
    </row>
    <row r="700" spans="1:5" ht="156.75" x14ac:dyDescent="0.25">
      <c r="A700" s="20" t="s">
        <v>1194</v>
      </c>
      <c r="B700" s="103" t="s">
        <v>1195</v>
      </c>
      <c r="C700" s="75" t="s">
        <v>1196</v>
      </c>
      <c r="D700" s="62" t="s">
        <v>22</v>
      </c>
      <c r="E700" s="76" t="s">
        <v>1197</v>
      </c>
    </row>
    <row r="701" spans="1:5" ht="71.25" x14ac:dyDescent="0.25">
      <c r="A701" s="20" t="s">
        <v>1198</v>
      </c>
      <c r="B701" s="103" t="s">
        <v>1199</v>
      </c>
      <c r="C701" s="75" t="s">
        <v>1200</v>
      </c>
      <c r="D701" s="62" t="s">
        <v>22</v>
      </c>
      <c r="E701" s="76" t="s">
        <v>1201</v>
      </c>
    </row>
    <row r="702" spans="1:5" ht="28.5" x14ac:dyDescent="0.25">
      <c r="A702" s="20" t="s">
        <v>1202</v>
      </c>
      <c r="B702" s="103" t="s">
        <v>1203</v>
      </c>
      <c r="C702" s="75" t="s">
        <v>1204</v>
      </c>
      <c r="D702" s="62" t="s">
        <v>22</v>
      </c>
      <c r="E702" s="76" t="s">
        <v>3287</v>
      </c>
    </row>
    <row r="703" spans="1:5" x14ac:dyDescent="0.25">
      <c r="A703" s="276" t="s">
        <v>1205</v>
      </c>
      <c r="B703" s="277" t="s">
        <v>1206</v>
      </c>
      <c r="C703" s="278" t="s">
        <v>1207</v>
      </c>
      <c r="D703" s="279" t="s">
        <v>22</v>
      </c>
      <c r="E703" s="280" t="s">
        <v>1208</v>
      </c>
    </row>
    <row r="704" spans="1:5" x14ac:dyDescent="0.25">
      <c r="A704" s="276"/>
      <c r="B704" s="277"/>
      <c r="C704" s="278"/>
      <c r="D704" s="279"/>
      <c r="E704" s="280"/>
    </row>
    <row r="705" spans="1:5" ht="42.75" x14ac:dyDescent="0.25">
      <c r="A705" s="20" t="s">
        <v>1209</v>
      </c>
      <c r="B705" s="103" t="s">
        <v>1210</v>
      </c>
      <c r="C705" s="75" t="s">
        <v>2934</v>
      </c>
      <c r="D705" s="62" t="s">
        <v>22</v>
      </c>
      <c r="E705" s="76" t="s">
        <v>1211</v>
      </c>
    </row>
    <row r="706" spans="1:5" ht="28.5" x14ac:dyDescent="0.25">
      <c r="A706" s="20" t="s">
        <v>1212</v>
      </c>
      <c r="B706" s="103" t="s">
        <v>1213</v>
      </c>
      <c r="C706" s="75" t="s">
        <v>1214</v>
      </c>
      <c r="D706" s="62" t="s">
        <v>22</v>
      </c>
      <c r="E706" s="76" t="s">
        <v>3536</v>
      </c>
    </row>
    <row r="707" spans="1:5" ht="23.25" customHeight="1" x14ac:dyDescent="0.25">
      <c r="A707" s="20" t="s">
        <v>1215</v>
      </c>
      <c r="B707" s="103" t="s">
        <v>1216</v>
      </c>
      <c r="C707" s="75" t="s">
        <v>1217</v>
      </c>
      <c r="D707" s="62" t="s">
        <v>22</v>
      </c>
      <c r="E707" s="76" t="s">
        <v>3536</v>
      </c>
    </row>
    <row r="708" spans="1:5" ht="42.75" x14ac:dyDescent="0.25">
      <c r="A708" s="20" t="s">
        <v>1218</v>
      </c>
      <c r="B708" s="103" t="s">
        <v>1219</v>
      </c>
      <c r="C708" s="75" t="s">
        <v>1220</v>
      </c>
      <c r="D708" s="62" t="s">
        <v>22</v>
      </c>
      <c r="E708" s="76" t="s">
        <v>1221</v>
      </c>
    </row>
    <row r="709" spans="1:5" ht="28.5" x14ac:dyDescent="0.25">
      <c r="A709" s="20" t="s">
        <v>1222</v>
      </c>
      <c r="B709" s="103" t="s">
        <v>1223</v>
      </c>
      <c r="C709" s="75" t="s">
        <v>2935</v>
      </c>
      <c r="D709" s="62" t="s">
        <v>22</v>
      </c>
      <c r="E709" s="76" t="s">
        <v>3536</v>
      </c>
    </row>
    <row r="710" spans="1:5" ht="25.5" x14ac:dyDescent="0.25">
      <c r="A710" s="276" t="s">
        <v>1224</v>
      </c>
      <c r="B710" s="277" t="s">
        <v>1225</v>
      </c>
      <c r="C710" s="278" t="s">
        <v>2936</v>
      </c>
      <c r="D710" s="279" t="s">
        <v>22</v>
      </c>
      <c r="E710" s="111" t="s">
        <v>1211</v>
      </c>
    </row>
    <row r="711" spans="1:5" ht="25.5" x14ac:dyDescent="0.25">
      <c r="A711" s="276"/>
      <c r="B711" s="277"/>
      <c r="C711" s="278"/>
      <c r="D711" s="279"/>
      <c r="E711" s="111" t="s">
        <v>3536</v>
      </c>
    </row>
    <row r="712" spans="1:5" ht="25.5" x14ac:dyDescent="0.25">
      <c r="A712" s="276"/>
      <c r="B712" s="277"/>
      <c r="C712" s="278"/>
      <c r="D712" s="279"/>
      <c r="E712" s="111" t="s">
        <v>3536</v>
      </c>
    </row>
    <row r="713" spans="1:5" x14ac:dyDescent="0.25">
      <c r="A713" s="276"/>
      <c r="B713" s="277"/>
      <c r="C713" s="278"/>
      <c r="D713" s="279"/>
      <c r="E713" s="111" t="s">
        <v>3537</v>
      </c>
    </row>
    <row r="714" spans="1:5" x14ac:dyDescent="0.25">
      <c r="A714" s="276"/>
      <c r="B714" s="277"/>
      <c r="C714" s="278"/>
      <c r="D714" s="279"/>
      <c r="E714" s="111" t="s">
        <v>3537</v>
      </c>
    </row>
    <row r="715" spans="1:5" ht="28.5" x14ac:dyDescent="0.25">
      <c r="A715" s="5" t="s">
        <v>1226</v>
      </c>
      <c r="B715" s="100" t="s">
        <v>1227</v>
      </c>
      <c r="C715" s="4" t="s">
        <v>2937</v>
      </c>
      <c r="D715" s="60" t="s">
        <v>22</v>
      </c>
      <c r="E715" s="113" t="s">
        <v>2939</v>
      </c>
    </row>
    <row r="716" spans="1:5" ht="28.5" x14ac:dyDescent="0.25">
      <c r="A716" s="5" t="s">
        <v>1228</v>
      </c>
      <c r="B716" s="100" t="s">
        <v>1229</v>
      </c>
      <c r="C716" s="4" t="s">
        <v>2938</v>
      </c>
      <c r="D716" s="60" t="s">
        <v>22</v>
      </c>
      <c r="E716" s="113" t="s">
        <v>3206</v>
      </c>
    </row>
    <row r="717" spans="1:5" x14ac:dyDescent="0.25">
      <c r="A717" s="42"/>
      <c r="B717" s="104"/>
      <c r="C717" s="43"/>
      <c r="D717" s="64"/>
      <c r="E717" s="55"/>
    </row>
    <row r="718" spans="1:5" ht="128.25" customHeight="1" x14ac:dyDescent="0.25">
      <c r="A718" s="272" t="s">
        <v>1230</v>
      </c>
      <c r="B718" s="272"/>
      <c r="D718" s="60"/>
      <c r="E718" s="113"/>
    </row>
    <row r="719" spans="1:5" ht="25.5" x14ac:dyDescent="0.25">
      <c r="A719" s="276" t="s">
        <v>1231</v>
      </c>
      <c r="B719" s="277" t="s">
        <v>1232</v>
      </c>
      <c r="C719" s="278" t="s">
        <v>1233</v>
      </c>
      <c r="D719" s="279" t="s">
        <v>2923</v>
      </c>
      <c r="E719" s="111" t="s">
        <v>3539</v>
      </c>
    </row>
    <row r="720" spans="1:5" x14ac:dyDescent="0.25">
      <c r="A720" s="276"/>
      <c r="B720" s="277"/>
      <c r="C720" s="278"/>
      <c r="D720" s="279"/>
      <c r="E720" s="111" t="s">
        <v>1234</v>
      </c>
    </row>
    <row r="721" spans="1:5" ht="25.5" x14ac:dyDescent="0.25">
      <c r="A721" s="276"/>
      <c r="B721" s="277"/>
      <c r="C721" s="278"/>
      <c r="D721" s="279"/>
      <c r="E721" s="111" t="s">
        <v>3538</v>
      </c>
    </row>
    <row r="722" spans="1:5" x14ac:dyDescent="0.25">
      <c r="A722" s="276"/>
      <c r="B722" s="277"/>
      <c r="C722" s="278"/>
      <c r="D722" s="279"/>
      <c r="E722" s="111" t="s">
        <v>3501</v>
      </c>
    </row>
    <row r="723" spans="1:5" ht="25.5" x14ac:dyDescent="0.25">
      <c r="A723" s="276"/>
      <c r="B723" s="277"/>
      <c r="C723" s="278"/>
      <c r="D723" s="279"/>
      <c r="E723" s="111" t="s">
        <v>1236</v>
      </c>
    </row>
    <row r="724" spans="1:5" ht="25.5" x14ac:dyDescent="0.25">
      <c r="A724" s="276"/>
      <c r="B724" s="277"/>
      <c r="C724" s="278"/>
      <c r="D724" s="279"/>
      <c r="E724" s="111" t="s">
        <v>3546</v>
      </c>
    </row>
    <row r="725" spans="1:5" x14ac:dyDescent="0.25">
      <c r="A725" s="276"/>
      <c r="B725" s="277"/>
      <c r="C725" s="278"/>
      <c r="D725" s="279"/>
    </row>
    <row r="726" spans="1:5" x14ac:dyDescent="0.25">
      <c r="A726" s="276"/>
      <c r="B726" s="277"/>
      <c r="C726" s="278"/>
      <c r="D726" s="279"/>
      <c r="E726" s="113"/>
    </row>
    <row r="727" spans="1:5" ht="25.5" x14ac:dyDescent="0.25">
      <c r="A727" s="276" t="s">
        <v>1237</v>
      </c>
      <c r="B727" s="277" t="s">
        <v>1238</v>
      </c>
      <c r="C727" s="278" t="s">
        <v>1239</v>
      </c>
      <c r="D727" s="279" t="s">
        <v>2923</v>
      </c>
      <c r="E727" s="111" t="s">
        <v>1240</v>
      </c>
    </row>
    <row r="728" spans="1:5" ht="33.75" customHeight="1" x14ac:dyDescent="0.25">
      <c r="A728" s="276"/>
      <c r="B728" s="277"/>
      <c r="C728" s="278"/>
      <c r="D728" s="279"/>
      <c r="E728" s="111" t="s">
        <v>1241</v>
      </c>
    </row>
    <row r="729" spans="1:5" ht="25.5" x14ac:dyDescent="0.25">
      <c r="A729" s="276"/>
      <c r="B729" s="277"/>
      <c r="C729" s="278"/>
      <c r="D729" s="279"/>
      <c r="E729" s="111" t="s">
        <v>3541</v>
      </c>
    </row>
    <row r="730" spans="1:5" ht="84.75" customHeight="1" x14ac:dyDescent="0.25">
      <c r="A730" s="276"/>
      <c r="B730" s="277"/>
      <c r="C730" s="278"/>
      <c r="D730" s="279"/>
      <c r="E730" s="113"/>
    </row>
    <row r="731" spans="1:5" ht="25.5" x14ac:dyDescent="0.25">
      <c r="A731" s="276" t="s">
        <v>1242</v>
      </c>
      <c r="B731" s="277" t="s">
        <v>1243</v>
      </c>
      <c r="C731" s="278" t="s">
        <v>1244</v>
      </c>
      <c r="D731" s="279" t="s">
        <v>2923</v>
      </c>
      <c r="E731" s="111" t="s">
        <v>1245</v>
      </c>
    </row>
    <row r="732" spans="1:5" ht="25.5" x14ac:dyDescent="0.25">
      <c r="A732" s="276"/>
      <c r="B732" s="277"/>
      <c r="C732" s="278"/>
      <c r="D732" s="279"/>
      <c r="E732" s="111" t="s">
        <v>1246</v>
      </c>
    </row>
    <row r="733" spans="1:5" ht="25.5" x14ac:dyDescent="0.25">
      <c r="A733" s="276"/>
      <c r="B733" s="277"/>
      <c r="C733" s="278"/>
      <c r="D733" s="279"/>
      <c r="E733" s="111" t="s">
        <v>3173</v>
      </c>
    </row>
    <row r="734" spans="1:5" ht="25.5" x14ac:dyDescent="0.25">
      <c r="A734" s="276"/>
      <c r="B734" s="277"/>
      <c r="C734" s="278"/>
      <c r="D734" s="279"/>
      <c r="E734" s="111" t="s">
        <v>1247</v>
      </c>
    </row>
    <row r="735" spans="1:5" x14ac:dyDescent="0.25">
      <c r="A735" s="276"/>
      <c r="B735" s="277"/>
      <c r="C735" s="278"/>
      <c r="D735" s="279"/>
      <c r="E735" s="113"/>
    </row>
    <row r="736" spans="1:5" ht="25.5" x14ac:dyDescent="0.25">
      <c r="A736" s="276" t="s">
        <v>1248</v>
      </c>
      <c r="B736" s="277" t="s">
        <v>1249</v>
      </c>
      <c r="C736" s="278" t="s">
        <v>1250</v>
      </c>
      <c r="D736" s="279" t="s">
        <v>2923</v>
      </c>
      <c r="E736" s="111" t="s">
        <v>1251</v>
      </c>
    </row>
    <row r="737" spans="1:5" ht="25.5" x14ac:dyDescent="0.25">
      <c r="A737" s="276"/>
      <c r="B737" s="277"/>
      <c r="C737" s="278"/>
      <c r="D737" s="279"/>
      <c r="E737" s="111" t="s">
        <v>1252</v>
      </c>
    </row>
    <row r="738" spans="1:5" ht="25.5" x14ac:dyDescent="0.25">
      <c r="A738" s="276"/>
      <c r="B738" s="277"/>
      <c r="C738" s="278"/>
      <c r="D738" s="279"/>
      <c r="E738" s="111" t="s">
        <v>1253</v>
      </c>
    </row>
    <row r="739" spans="1:5" x14ac:dyDescent="0.25">
      <c r="A739" s="276"/>
      <c r="B739" s="277"/>
      <c r="C739" s="278"/>
      <c r="D739" s="279"/>
      <c r="E739" s="111" t="s">
        <v>1254</v>
      </c>
    </row>
    <row r="740" spans="1:5" x14ac:dyDescent="0.25">
      <c r="A740" s="276"/>
      <c r="B740" s="277"/>
      <c r="C740" s="278"/>
      <c r="D740" s="279"/>
      <c r="E740" s="113"/>
    </row>
    <row r="741" spans="1:5" ht="195" customHeight="1" x14ac:dyDescent="0.25">
      <c r="A741" s="276" t="s">
        <v>1255</v>
      </c>
      <c r="B741" s="277" t="s">
        <v>1256</v>
      </c>
      <c r="C741" s="278" t="s">
        <v>1257</v>
      </c>
      <c r="D741" s="279" t="s">
        <v>2923</v>
      </c>
      <c r="E741" s="280" t="s">
        <v>1258</v>
      </c>
    </row>
    <row r="742" spans="1:5" ht="26.25" customHeight="1" x14ac:dyDescent="0.25">
      <c r="A742" s="276"/>
      <c r="B742" s="277"/>
      <c r="C742" s="278"/>
      <c r="D742" s="279"/>
      <c r="E742" s="280"/>
    </row>
    <row r="743" spans="1:5" ht="29.25" customHeight="1" x14ac:dyDescent="0.25">
      <c r="A743" s="276" t="s">
        <v>1259</v>
      </c>
      <c r="B743" s="277" t="s">
        <v>1260</v>
      </c>
      <c r="C743" s="278" t="s">
        <v>1261</v>
      </c>
      <c r="D743" s="279" t="s">
        <v>2923</v>
      </c>
      <c r="E743" s="111" t="s">
        <v>1262</v>
      </c>
    </row>
    <row r="744" spans="1:5" ht="25.5" x14ac:dyDescent="0.25">
      <c r="A744" s="276"/>
      <c r="B744" s="277"/>
      <c r="C744" s="278"/>
      <c r="D744" s="279"/>
      <c r="E744" s="111" t="s">
        <v>3538</v>
      </c>
    </row>
    <row r="745" spans="1:5" x14ac:dyDescent="0.25">
      <c r="A745" s="276"/>
      <c r="B745" s="277"/>
      <c r="C745" s="278"/>
      <c r="D745" s="279"/>
      <c r="E745" s="111" t="s">
        <v>1262</v>
      </c>
    </row>
    <row r="746" spans="1:5" x14ac:dyDescent="0.25">
      <c r="A746" s="276"/>
      <c r="B746" s="277"/>
      <c r="C746" s="278"/>
      <c r="D746" s="279"/>
      <c r="E746" s="111" t="s">
        <v>1234</v>
      </c>
    </row>
    <row r="747" spans="1:5" ht="25.5" x14ac:dyDescent="0.25">
      <c r="A747" s="276"/>
      <c r="B747" s="277"/>
      <c r="C747" s="278"/>
      <c r="D747" s="279"/>
      <c r="E747" s="111" t="s">
        <v>3539</v>
      </c>
    </row>
    <row r="748" spans="1:5" ht="25.5" x14ac:dyDescent="0.25">
      <c r="A748" s="276"/>
      <c r="B748" s="277"/>
      <c r="C748" s="278"/>
      <c r="D748" s="279"/>
      <c r="E748" s="111" t="s">
        <v>3540</v>
      </c>
    </row>
    <row r="749" spans="1:5" x14ac:dyDescent="0.25">
      <c r="A749" s="276"/>
      <c r="B749" s="277"/>
      <c r="C749" s="278"/>
      <c r="D749" s="279"/>
      <c r="E749" s="111" t="s">
        <v>1263</v>
      </c>
    </row>
    <row r="750" spans="1:5" ht="25.5" x14ac:dyDescent="0.25">
      <c r="A750" s="276"/>
      <c r="B750" s="277"/>
      <c r="C750" s="278"/>
      <c r="D750" s="279"/>
      <c r="E750" s="111" t="s">
        <v>1264</v>
      </c>
    </row>
    <row r="751" spans="1:5" ht="25.5" x14ac:dyDescent="0.25">
      <c r="A751" s="276"/>
      <c r="B751" s="277"/>
      <c r="C751" s="278"/>
      <c r="D751" s="279"/>
      <c r="E751" s="111" t="s">
        <v>1236</v>
      </c>
    </row>
    <row r="752" spans="1:5" ht="25.5" x14ac:dyDescent="0.25">
      <c r="A752" s="276"/>
      <c r="B752" s="277"/>
      <c r="C752" s="278"/>
      <c r="D752" s="279"/>
      <c r="E752" s="111" t="s">
        <v>1265</v>
      </c>
    </row>
    <row r="753" spans="1:5" x14ac:dyDescent="0.25">
      <c r="A753" s="276"/>
      <c r="B753" s="277"/>
      <c r="C753" s="278"/>
      <c r="D753" s="279"/>
      <c r="E753" s="113"/>
    </row>
    <row r="754" spans="1:5" x14ac:dyDescent="0.25">
      <c r="A754" s="276" t="s">
        <v>1266</v>
      </c>
      <c r="B754" s="277" t="s">
        <v>1267</v>
      </c>
      <c r="C754" s="278" t="s">
        <v>1268</v>
      </c>
      <c r="D754" s="279" t="s">
        <v>2923</v>
      </c>
      <c r="E754" s="111" t="s">
        <v>1269</v>
      </c>
    </row>
    <row r="755" spans="1:5" x14ac:dyDescent="0.25">
      <c r="A755" s="276"/>
      <c r="B755" s="277"/>
      <c r="C755" s="278"/>
      <c r="D755" s="279"/>
      <c r="E755" s="111" t="s">
        <v>1270</v>
      </c>
    </row>
    <row r="756" spans="1:5" ht="25.5" x14ac:dyDescent="0.25">
      <c r="A756" s="276"/>
      <c r="B756" s="277"/>
      <c r="C756" s="278"/>
      <c r="D756" s="279"/>
      <c r="E756" s="111" t="s">
        <v>1271</v>
      </c>
    </row>
    <row r="757" spans="1:5" ht="25.5" x14ac:dyDescent="0.25">
      <c r="A757" s="276"/>
      <c r="B757" s="277"/>
      <c r="C757" s="278"/>
      <c r="D757" s="279"/>
      <c r="E757" s="111" t="s">
        <v>1272</v>
      </c>
    </row>
    <row r="758" spans="1:5" x14ac:dyDescent="0.25">
      <c r="A758" s="276"/>
      <c r="B758" s="277"/>
      <c r="C758" s="278"/>
      <c r="D758" s="279"/>
      <c r="E758" s="113"/>
    </row>
    <row r="759" spans="1:5" ht="55.5" customHeight="1" x14ac:dyDescent="0.25">
      <c r="A759" s="276" t="s">
        <v>1273</v>
      </c>
      <c r="B759" s="277" t="s">
        <v>1274</v>
      </c>
      <c r="C759" s="278" t="s">
        <v>1275</v>
      </c>
      <c r="D759" s="279" t="s">
        <v>2923</v>
      </c>
      <c r="E759" s="111" t="s">
        <v>1276</v>
      </c>
    </row>
    <row r="760" spans="1:5" x14ac:dyDescent="0.25">
      <c r="A760" s="276"/>
      <c r="B760" s="277"/>
      <c r="C760" s="278"/>
      <c r="D760" s="279"/>
      <c r="E760" s="111" t="s">
        <v>1277</v>
      </c>
    </row>
    <row r="761" spans="1:5" ht="75" customHeight="1" x14ac:dyDescent="0.25">
      <c r="A761" s="276"/>
      <c r="B761" s="277"/>
      <c r="C761" s="278"/>
      <c r="D761" s="279"/>
      <c r="E761" s="111" t="s">
        <v>1278</v>
      </c>
    </row>
    <row r="762" spans="1:5" x14ac:dyDescent="0.25">
      <c r="A762" s="276"/>
      <c r="B762" s="277"/>
      <c r="C762" s="278"/>
      <c r="D762" s="279"/>
      <c r="E762" s="111" t="s">
        <v>1235</v>
      </c>
    </row>
    <row r="763" spans="1:5" ht="73.5" customHeight="1" x14ac:dyDescent="0.25">
      <c r="A763" s="276"/>
      <c r="B763" s="277"/>
      <c r="C763" s="278"/>
      <c r="D763" s="279"/>
      <c r="E763" s="111" t="s">
        <v>1034</v>
      </c>
    </row>
    <row r="764" spans="1:5" ht="25.5" x14ac:dyDescent="0.25">
      <c r="A764" s="276"/>
      <c r="B764" s="277"/>
      <c r="C764" s="278"/>
      <c r="D764" s="279"/>
      <c r="E764" s="111" t="s">
        <v>1264</v>
      </c>
    </row>
    <row r="765" spans="1:5" x14ac:dyDescent="0.25">
      <c r="A765" s="276"/>
      <c r="B765" s="277"/>
      <c r="C765" s="278"/>
      <c r="D765" s="279"/>
      <c r="E765" s="111" t="s">
        <v>1258</v>
      </c>
    </row>
    <row r="766" spans="1:5" ht="25.5" x14ac:dyDescent="0.25">
      <c r="A766" s="276"/>
      <c r="B766" s="277"/>
      <c r="C766" s="278"/>
      <c r="D766" s="279"/>
      <c r="E766" s="111" t="s">
        <v>1236</v>
      </c>
    </row>
    <row r="767" spans="1:5" ht="84.75" customHeight="1" x14ac:dyDescent="0.25">
      <c r="A767" s="276"/>
      <c r="B767" s="277"/>
      <c r="C767" s="278"/>
      <c r="D767" s="279"/>
      <c r="E767" s="113"/>
    </row>
    <row r="768" spans="1:5" x14ac:dyDescent="0.25">
      <c r="A768" s="21"/>
      <c r="B768" s="100"/>
      <c r="D768" s="60"/>
      <c r="E768" s="113"/>
    </row>
    <row r="769" spans="1:5" ht="81.75" customHeight="1" x14ac:dyDescent="0.25">
      <c r="A769" s="272" t="s">
        <v>1279</v>
      </c>
      <c r="B769" s="272"/>
      <c r="D769" s="60"/>
      <c r="E769" s="113"/>
    </row>
    <row r="770" spans="1:5" x14ac:dyDescent="0.25">
      <c r="A770" s="276" t="s">
        <v>1280</v>
      </c>
      <c r="B770" s="277" t="s">
        <v>1281</v>
      </c>
      <c r="C770" s="278" t="s">
        <v>1282</v>
      </c>
      <c r="D770" s="279" t="s">
        <v>22</v>
      </c>
      <c r="E770" s="280" t="s">
        <v>1283</v>
      </c>
    </row>
    <row r="771" spans="1:5" ht="74.25" customHeight="1" x14ac:dyDescent="0.25">
      <c r="A771" s="276"/>
      <c r="B771" s="277"/>
      <c r="C771" s="278"/>
      <c r="D771" s="279"/>
      <c r="E771" s="280"/>
    </row>
    <row r="772" spans="1:5" ht="25.5" x14ac:dyDescent="0.25">
      <c r="A772" s="276" t="s">
        <v>1284</v>
      </c>
      <c r="B772" s="277" t="s">
        <v>1285</v>
      </c>
      <c r="C772" s="278" t="s">
        <v>1286</v>
      </c>
      <c r="D772" s="279" t="s">
        <v>2923</v>
      </c>
      <c r="E772" s="111" t="s">
        <v>1287</v>
      </c>
    </row>
    <row r="773" spans="1:5" ht="25.5" x14ac:dyDescent="0.25">
      <c r="A773" s="276"/>
      <c r="B773" s="277"/>
      <c r="C773" s="278"/>
      <c r="D773" s="279"/>
      <c r="E773" s="111" t="s">
        <v>1288</v>
      </c>
    </row>
    <row r="774" spans="1:5" ht="25.5" x14ac:dyDescent="0.25">
      <c r="A774" s="276" t="s">
        <v>1289</v>
      </c>
      <c r="B774" s="277" t="s">
        <v>1290</v>
      </c>
      <c r="C774" s="278" t="s">
        <v>1291</v>
      </c>
      <c r="D774" s="279" t="s">
        <v>2923</v>
      </c>
      <c r="E774" s="111" t="s">
        <v>1292</v>
      </c>
    </row>
    <row r="775" spans="1:5" ht="25.5" x14ac:dyDescent="0.25">
      <c r="A775" s="276"/>
      <c r="B775" s="277"/>
      <c r="C775" s="278"/>
      <c r="D775" s="279"/>
      <c r="E775" s="111" t="s">
        <v>1293</v>
      </c>
    </row>
    <row r="776" spans="1:5" x14ac:dyDescent="0.25">
      <c r="A776" s="21"/>
      <c r="B776" s="100"/>
      <c r="D776" s="60"/>
      <c r="E776" s="113"/>
    </row>
    <row r="777" spans="1:5" x14ac:dyDescent="0.25">
      <c r="A777" s="272" t="s">
        <v>1294</v>
      </c>
      <c r="B777" s="272"/>
      <c r="D777" s="60"/>
      <c r="E777" s="113"/>
    </row>
    <row r="778" spans="1:5" x14ac:dyDescent="0.25">
      <c r="A778" s="276" t="s">
        <v>1295</v>
      </c>
      <c r="B778" s="277" t="s">
        <v>1296</v>
      </c>
      <c r="C778" s="278" t="s">
        <v>1297</v>
      </c>
      <c r="D778" s="279" t="s">
        <v>2923</v>
      </c>
      <c r="E778" s="280" t="s">
        <v>1298</v>
      </c>
    </row>
    <row r="779" spans="1:5" x14ac:dyDescent="0.25">
      <c r="A779" s="276"/>
      <c r="B779" s="277"/>
      <c r="C779" s="278"/>
      <c r="D779" s="279"/>
      <c r="E779" s="280"/>
    </row>
    <row r="780" spans="1:5" ht="29.25" customHeight="1" x14ac:dyDescent="0.25">
      <c r="A780" s="276" t="s">
        <v>1299</v>
      </c>
      <c r="B780" s="277" t="s">
        <v>1300</v>
      </c>
      <c r="C780" s="278" t="s">
        <v>1301</v>
      </c>
      <c r="D780" s="279" t="s">
        <v>2923</v>
      </c>
      <c r="E780" s="280" t="s">
        <v>3531</v>
      </c>
    </row>
    <row r="781" spans="1:5" x14ac:dyDescent="0.25">
      <c r="A781" s="276"/>
      <c r="B781" s="277"/>
      <c r="C781" s="278"/>
      <c r="D781" s="279"/>
      <c r="E781" s="280"/>
    </row>
    <row r="782" spans="1:5" ht="25.5" x14ac:dyDescent="0.25">
      <c r="A782" s="276" t="s">
        <v>1302</v>
      </c>
      <c r="B782" s="277" t="s">
        <v>1303</v>
      </c>
      <c r="C782" s="278" t="s">
        <v>1304</v>
      </c>
      <c r="D782" s="279" t="s">
        <v>2923</v>
      </c>
      <c r="E782" s="111" t="s">
        <v>1305</v>
      </c>
    </row>
    <row r="783" spans="1:5" ht="25.5" x14ac:dyDescent="0.25">
      <c r="A783" s="276"/>
      <c r="B783" s="277"/>
      <c r="C783" s="278"/>
      <c r="D783" s="279"/>
      <c r="E783" s="111" t="s">
        <v>1306</v>
      </c>
    </row>
    <row r="784" spans="1:5" ht="25.5" x14ac:dyDescent="0.25">
      <c r="A784" s="276" t="s">
        <v>1307</v>
      </c>
      <c r="B784" s="277" t="s">
        <v>1308</v>
      </c>
      <c r="C784" s="278" t="s">
        <v>1309</v>
      </c>
      <c r="D784" s="279" t="s">
        <v>2923</v>
      </c>
      <c r="E784" s="111" t="s">
        <v>1310</v>
      </c>
    </row>
    <row r="785" spans="1:5" x14ac:dyDescent="0.25">
      <c r="A785" s="276"/>
      <c r="B785" s="277"/>
      <c r="C785" s="278"/>
      <c r="D785" s="279"/>
      <c r="E785" s="111" t="s">
        <v>1088</v>
      </c>
    </row>
    <row r="786" spans="1:5" x14ac:dyDescent="0.25">
      <c r="A786" s="276"/>
      <c r="B786" s="277"/>
      <c r="C786" s="278"/>
      <c r="D786" s="279"/>
      <c r="E786" s="111" t="s">
        <v>3518</v>
      </c>
    </row>
    <row r="787" spans="1:5" ht="25.5" x14ac:dyDescent="0.25">
      <c r="A787" s="276"/>
      <c r="B787" s="277"/>
      <c r="C787" s="278"/>
      <c r="D787" s="279"/>
      <c r="E787" s="111" t="s">
        <v>3528</v>
      </c>
    </row>
    <row r="788" spans="1:5" ht="25.5" x14ac:dyDescent="0.25">
      <c r="A788" s="276"/>
      <c r="B788" s="277"/>
      <c r="C788" s="278"/>
      <c r="D788" s="279"/>
      <c r="E788" s="111" t="s">
        <v>3529</v>
      </c>
    </row>
    <row r="789" spans="1:5" ht="25.5" x14ac:dyDescent="0.25">
      <c r="A789" s="276"/>
      <c r="B789" s="277"/>
      <c r="C789" s="278"/>
      <c r="D789" s="279"/>
      <c r="E789" s="111" t="s">
        <v>1325</v>
      </c>
    </row>
    <row r="790" spans="1:5" ht="25.5" x14ac:dyDescent="0.25">
      <c r="A790" s="276"/>
      <c r="B790" s="277"/>
      <c r="C790" s="278"/>
      <c r="D790" s="279"/>
      <c r="E790" s="111" t="s">
        <v>1311</v>
      </c>
    </row>
    <row r="791" spans="1:5" ht="25.5" x14ac:dyDescent="0.25">
      <c r="A791" s="276"/>
      <c r="B791" s="277"/>
      <c r="C791" s="278"/>
      <c r="D791" s="279"/>
      <c r="E791" s="111" t="s">
        <v>1312</v>
      </c>
    </row>
    <row r="792" spans="1:5" x14ac:dyDescent="0.25">
      <c r="A792" s="276"/>
      <c r="B792" s="277"/>
      <c r="C792" s="278"/>
      <c r="D792" s="279"/>
      <c r="E792" s="111" t="s">
        <v>3585</v>
      </c>
    </row>
    <row r="793" spans="1:5" ht="25.5" x14ac:dyDescent="0.25">
      <c r="A793" s="276" t="s">
        <v>1313</v>
      </c>
      <c r="B793" s="277" t="s">
        <v>1314</v>
      </c>
      <c r="C793" s="278" t="s">
        <v>1315</v>
      </c>
      <c r="D793" s="279" t="s">
        <v>2923</v>
      </c>
      <c r="E793" s="111" t="s">
        <v>1316</v>
      </c>
    </row>
    <row r="794" spans="1:5" ht="25.5" x14ac:dyDescent="0.25">
      <c r="A794" s="276"/>
      <c r="B794" s="277"/>
      <c r="C794" s="278"/>
      <c r="D794" s="279"/>
      <c r="E794" s="111" t="s">
        <v>1317</v>
      </c>
    </row>
    <row r="795" spans="1:5" ht="107.25" customHeight="1" x14ac:dyDescent="0.25">
      <c r="A795" s="276"/>
      <c r="B795" s="277"/>
      <c r="C795" s="278"/>
      <c r="D795" s="279"/>
      <c r="E795" s="111" t="s">
        <v>1318</v>
      </c>
    </row>
    <row r="796" spans="1:5" ht="25.5" x14ac:dyDescent="0.25">
      <c r="A796" s="276"/>
      <c r="B796" s="277"/>
      <c r="C796" s="278"/>
      <c r="D796" s="279"/>
      <c r="E796" s="111" t="s">
        <v>1319</v>
      </c>
    </row>
    <row r="797" spans="1:5" ht="68.25" customHeight="1" x14ac:dyDescent="0.25">
      <c r="A797" s="276"/>
      <c r="B797" s="277"/>
      <c r="C797" s="278"/>
      <c r="D797" s="279"/>
      <c r="E797" s="111" t="s">
        <v>1320</v>
      </c>
    </row>
    <row r="798" spans="1:5" ht="25.5" x14ac:dyDescent="0.25">
      <c r="A798" s="276"/>
      <c r="B798" s="277"/>
      <c r="C798" s="278"/>
      <c r="D798" s="279"/>
      <c r="E798" s="111" t="s">
        <v>1321</v>
      </c>
    </row>
    <row r="799" spans="1:5" ht="25.5" x14ac:dyDescent="0.25">
      <c r="A799" s="276"/>
      <c r="B799" s="277"/>
      <c r="C799" s="278"/>
      <c r="D799" s="279"/>
      <c r="E799" s="111" t="s">
        <v>1322</v>
      </c>
    </row>
    <row r="800" spans="1:5" ht="63" customHeight="1" x14ac:dyDescent="0.25">
      <c r="A800" s="276"/>
      <c r="B800" s="277"/>
      <c r="C800" s="278"/>
      <c r="D800" s="279"/>
      <c r="E800" s="111" t="s">
        <v>1323</v>
      </c>
    </row>
    <row r="801" spans="1:5" ht="99" customHeight="1" x14ac:dyDescent="0.25">
      <c r="A801" s="276"/>
      <c r="B801" s="277"/>
      <c r="C801" s="278"/>
      <c r="D801" s="279"/>
      <c r="E801" s="111" t="s">
        <v>1324</v>
      </c>
    </row>
    <row r="802" spans="1:5" ht="99" customHeight="1" x14ac:dyDescent="0.25">
      <c r="A802" s="276"/>
      <c r="B802" s="277"/>
      <c r="C802" s="278"/>
      <c r="D802" s="279"/>
      <c r="E802" s="111" t="s">
        <v>1325</v>
      </c>
    </row>
    <row r="803" spans="1:5" ht="96" customHeight="1" x14ac:dyDescent="0.25">
      <c r="A803" s="276"/>
      <c r="B803" s="277"/>
      <c r="C803" s="278"/>
      <c r="D803" s="279"/>
      <c r="E803" s="111" t="s">
        <v>1130</v>
      </c>
    </row>
    <row r="804" spans="1:5" ht="95.25" customHeight="1" x14ac:dyDescent="0.25">
      <c r="A804" s="276"/>
      <c r="B804" s="277"/>
      <c r="C804" s="278"/>
      <c r="D804" s="279"/>
      <c r="E804" s="111" t="s">
        <v>1326</v>
      </c>
    </row>
    <row r="805" spans="1:5" x14ac:dyDescent="0.25">
      <c r="A805" s="21"/>
      <c r="B805" s="100"/>
      <c r="D805" s="60"/>
      <c r="E805" s="113"/>
    </row>
    <row r="806" spans="1:5" x14ac:dyDescent="0.25">
      <c r="A806" s="272" t="s">
        <v>1327</v>
      </c>
      <c r="B806" s="272"/>
      <c r="D806" s="60"/>
      <c r="E806" s="113"/>
    </row>
    <row r="807" spans="1:5" ht="89.25" x14ac:dyDescent="0.25">
      <c r="A807" s="5" t="s">
        <v>1328</v>
      </c>
      <c r="B807" s="100" t="s">
        <v>1329</v>
      </c>
      <c r="C807" s="4" t="s">
        <v>1330</v>
      </c>
      <c r="D807" s="60" t="s">
        <v>2923</v>
      </c>
      <c r="E807" s="111" t="s">
        <v>1331</v>
      </c>
    </row>
    <row r="808" spans="1:5" ht="25.5" x14ac:dyDescent="0.25">
      <c r="A808" s="276" t="s">
        <v>1332</v>
      </c>
      <c r="B808" s="277" t="s">
        <v>1333</v>
      </c>
      <c r="C808" s="278" t="s">
        <v>2940</v>
      </c>
      <c r="D808" s="279" t="s">
        <v>2923</v>
      </c>
      <c r="E808" s="111" t="s">
        <v>3532</v>
      </c>
    </row>
    <row r="809" spans="1:5" ht="25.5" x14ac:dyDescent="0.25">
      <c r="A809" s="276"/>
      <c r="B809" s="277"/>
      <c r="C809" s="278"/>
      <c r="D809" s="279"/>
      <c r="E809" s="111" t="s">
        <v>1129</v>
      </c>
    </row>
    <row r="810" spans="1:5" ht="27" customHeight="1" x14ac:dyDescent="0.25">
      <c r="A810" s="276" t="s">
        <v>1334</v>
      </c>
      <c r="B810" s="277" t="s">
        <v>1335</v>
      </c>
      <c r="C810" s="278" t="s">
        <v>1336</v>
      </c>
      <c r="D810" s="279" t="s">
        <v>2923</v>
      </c>
      <c r="E810" s="111" t="s">
        <v>1337</v>
      </c>
    </row>
    <row r="811" spans="1:5" x14ac:dyDescent="0.25">
      <c r="A811" s="276"/>
      <c r="B811" s="277"/>
      <c r="C811" s="278"/>
      <c r="D811" s="279"/>
      <c r="E811" s="111" t="s">
        <v>3531</v>
      </c>
    </row>
    <row r="812" spans="1:5" x14ac:dyDescent="0.25">
      <c r="A812" s="276"/>
      <c r="B812" s="277"/>
      <c r="C812" s="278"/>
      <c r="D812" s="279"/>
      <c r="E812" s="113"/>
    </row>
    <row r="813" spans="1:5" ht="89.25" x14ac:dyDescent="0.25">
      <c r="A813" s="5" t="s">
        <v>1338</v>
      </c>
      <c r="B813" s="100" t="s">
        <v>1339</v>
      </c>
      <c r="C813" s="4" t="s">
        <v>1340</v>
      </c>
      <c r="D813" s="60" t="s">
        <v>2923</v>
      </c>
      <c r="E813" s="206" t="s">
        <v>3530</v>
      </c>
    </row>
    <row r="814" spans="1:5" ht="34.5" customHeight="1" x14ac:dyDescent="0.25">
      <c r="A814" s="5" t="s">
        <v>1341</v>
      </c>
      <c r="B814" s="100" t="s">
        <v>1342</v>
      </c>
      <c r="C814" s="4" t="s">
        <v>1343</v>
      </c>
      <c r="D814" s="60" t="s">
        <v>2923</v>
      </c>
      <c r="E814" s="203" t="s">
        <v>3532</v>
      </c>
    </row>
    <row r="815" spans="1:5" ht="89.25" x14ac:dyDescent="0.25">
      <c r="A815" s="5" t="s">
        <v>1344</v>
      </c>
      <c r="B815" s="100" t="s">
        <v>1345</v>
      </c>
      <c r="C815" s="4" t="s">
        <v>1346</v>
      </c>
      <c r="D815" s="60" t="s">
        <v>2923</v>
      </c>
      <c r="E815" s="206" t="s">
        <v>3584</v>
      </c>
    </row>
    <row r="816" spans="1:5" ht="89.25" x14ac:dyDescent="0.25">
      <c r="A816" s="5" t="s">
        <v>1347</v>
      </c>
      <c r="B816" s="100" t="s">
        <v>1348</v>
      </c>
      <c r="C816" s="4" t="s">
        <v>1349</v>
      </c>
      <c r="D816" s="60" t="s">
        <v>2923</v>
      </c>
      <c r="E816" s="111" t="s">
        <v>3532</v>
      </c>
    </row>
    <row r="817" spans="1:5" x14ac:dyDescent="0.25">
      <c r="A817" s="21"/>
      <c r="B817" s="100"/>
      <c r="D817" s="299" t="s">
        <v>2923</v>
      </c>
      <c r="E817" s="113"/>
    </row>
    <row r="818" spans="1:5" x14ac:dyDescent="0.25">
      <c r="A818" s="272" t="s">
        <v>1350</v>
      </c>
      <c r="B818" s="272"/>
      <c r="D818" s="300"/>
      <c r="E818" s="113"/>
    </row>
    <row r="819" spans="1:5" x14ac:dyDescent="0.25">
      <c r="A819" s="276" t="s">
        <v>1351</v>
      </c>
      <c r="B819" s="277" t="s">
        <v>1352</v>
      </c>
      <c r="C819" s="278" t="s">
        <v>1353</v>
      </c>
      <c r="D819" s="300"/>
      <c r="E819" s="111" t="s">
        <v>1354</v>
      </c>
    </row>
    <row r="820" spans="1:5" x14ac:dyDescent="0.25">
      <c r="A820" s="276"/>
      <c r="B820" s="277"/>
      <c r="C820" s="278"/>
      <c r="D820" s="300"/>
      <c r="E820" s="111" t="s">
        <v>1355</v>
      </c>
    </row>
    <row r="821" spans="1:5" x14ac:dyDescent="0.25">
      <c r="A821" s="276" t="s">
        <v>1356</v>
      </c>
      <c r="B821" s="277" t="s">
        <v>1357</v>
      </c>
      <c r="C821" s="278" t="s">
        <v>1358</v>
      </c>
      <c r="D821" s="300"/>
      <c r="E821" s="280" t="s">
        <v>1359</v>
      </c>
    </row>
    <row r="822" spans="1:5" x14ac:dyDescent="0.25">
      <c r="A822" s="276"/>
      <c r="B822" s="277"/>
      <c r="C822" s="278"/>
      <c r="D822" s="300"/>
      <c r="E822" s="280"/>
    </row>
    <row r="823" spans="1:5" x14ac:dyDescent="0.25">
      <c r="A823" s="276" t="s">
        <v>1360</v>
      </c>
      <c r="B823" s="277" t="s">
        <v>1361</v>
      </c>
      <c r="C823" s="278" t="s">
        <v>1362</v>
      </c>
      <c r="D823" s="300"/>
      <c r="E823" s="280" t="s">
        <v>1363</v>
      </c>
    </row>
    <row r="824" spans="1:5" x14ac:dyDescent="0.25">
      <c r="A824" s="276"/>
      <c r="B824" s="277"/>
      <c r="C824" s="278"/>
      <c r="D824" s="300"/>
      <c r="E824" s="280"/>
    </row>
    <row r="825" spans="1:5" x14ac:dyDescent="0.25">
      <c r="A825" s="276" t="s">
        <v>1364</v>
      </c>
      <c r="B825" s="277" t="s">
        <v>1365</v>
      </c>
      <c r="C825" s="278" t="s">
        <v>1366</v>
      </c>
      <c r="D825" s="300"/>
      <c r="E825" s="280" t="s">
        <v>1367</v>
      </c>
    </row>
    <row r="826" spans="1:5" ht="36" customHeight="1" x14ac:dyDescent="0.25">
      <c r="A826" s="276"/>
      <c r="B826" s="277"/>
      <c r="C826" s="278"/>
      <c r="D826" s="300"/>
      <c r="E826" s="280"/>
    </row>
    <row r="827" spans="1:5" ht="25.5" x14ac:dyDescent="0.25">
      <c r="A827" s="276" t="s">
        <v>1368</v>
      </c>
      <c r="B827" s="277" t="s">
        <v>1369</v>
      </c>
      <c r="C827" s="278" t="s">
        <v>1370</v>
      </c>
      <c r="D827" s="300"/>
      <c r="E827" s="111" t="s">
        <v>3544</v>
      </c>
    </row>
    <row r="828" spans="1:5" ht="60" customHeight="1" x14ac:dyDescent="0.25">
      <c r="A828" s="276"/>
      <c r="B828" s="277"/>
      <c r="C828" s="278"/>
      <c r="D828" s="300"/>
      <c r="E828" s="111" t="s">
        <v>1371</v>
      </c>
    </row>
    <row r="829" spans="1:5" ht="28.5" x14ac:dyDescent="0.25">
      <c r="A829" s="5" t="s">
        <v>1372</v>
      </c>
      <c r="B829" s="100" t="s">
        <v>1373</v>
      </c>
      <c r="C829" s="4" t="s">
        <v>1374</v>
      </c>
      <c r="D829" s="300"/>
      <c r="E829" s="111" t="s">
        <v>3543</v>
      </c>
    </row>
    <row r="830" spans="1:5" ht="25.5" x14ac:dyDescent="0.25">
      <c r="A830" s="276" t="s">
        <v>1375</v>
      </c>
      <c r="B830" s="277" t="s">
        <v>1376</v>
      </c>
      <c r="C830" s="278" t="s">
        <v>1377</v>
      </c>
      <c r="D830" s="300"/>
      <c r="E830" s="111" t="s">
        <v>1371</v>
      </c>
    </row>
    <row r="831" spans="1:5" x14ac:dyDescent="0.25">
      <c r="A831" s="276"/>
      <c r="B831" s="277"/>
      <c r="C831" s="278"/>
      <c r="D831" s="300"/>
      <c r="E831" s="111" t="s">
        <v>1378</v>
      </c>
    </row>
    <row r="832" spans="1:5" ht="25.5" x14ac:dyDescent="0.25">
      <c r="A832" s="276"/>
      <c r="B832" s="277"/>
      <c r="C832" s="278"/>
      <c r="D832" s="300"/>
      <c r="E832" s="111" t="s">
        <v>1379</v>
      </c>
    </row>
    <row r="833" spans="1:5" ht="25.5" x14ac:dyDescent="0.25">
      <c r="A833" s="276"/>
      <c r="B833" s="277"/>
      <c r="C833" s="278"/>
      <c r="D833" s="300"/>
      <c r="E833" s="111" t="s">
        <v>1380</v>
      </c>
    </row>
    <row r="834" spans="1:5" x14ac:dyDescent="0.25">
      <c r="A834" s="276"/>
      <c r="B834" s="277"/>
      <c r="C834" s="278"/>
      <c r="D834" s="300"/>
      <c r="E834" s="111" t="s">
        <v>3174</v>
      </c>
    </row>
    <row r="835" spans="1:5" x14ac:dyDescent="0.25">
      <c r="A835" s="276"/>
      <c r="B835" s="277"/>
      <c r="C835" s="278"/>
      <c r="D835" s="300"/>
      <c r="E835" s="111" t="s">
        <v>1381</v>
      </c>
    </row>
    <row r="836" spans="1:5" x14ac:dyDescent="0.25">
      <c r="A836" s="276"/>
      <c r="B836" s="277"/>
      <c r="C836" s="278"/>
      <c r="D836" s="300"/>
      <c r="E836" s="111" t="s">
        <v>1382</v>
      </c>
    </row>
    <row r="837" spans="1:5" x14ac:dyDescent="0.25">
      <c r="A837" s="276" t="s">
        <v>1383</v>
      </c>
      <c r="B837" s="277" t="s">
        <v>1384</v>
      </c>
      <c r="C837" s="278" t="s">
        <v>1385</v>
      </c>
      <c r="D837" s="300"/>
      <c r="E837" s="280" t="s">
        <v>1386</v>
      </c>
    </row>
    <row r="838" spans="1:5" x14ac:dyDescent="0.25">
      <c r="A838" s="276"/>
      <c r="B838" s="277"/>
      <c r="C838" s="278"/>
      <c r="D838" s="300"/>
      <c r="E838" s="280"/>
    </row>
    <row r="839" spans="1:5" x14ac:dyDescent="0.25">
      <c r="A839" s="276" t="s">
        <v>1387</v>
      </c>
      <c r="B839" s="277" t="s">
        <v>1388</v>
      </c>
      <c r="C839" s="278" t="s">
        <v>1389</v>
      </c>
      <c r="D839" s="300"/>
      <c r="E839" s="280" t="s">
        <v>1380</v>
      </c>
    </row>
    <row r="840" spans="1:5" x14ac:dyDescent="0.25">
      <c r="A840" s="276"/>
      <c r="B840" s="277"/>
      <c r="C840" s="278"/>
      <c r="D840" s="300"/>
      <c r="E840" s="280"/>
    </row>
    <row r="841" spans="1:5" x14ac:dyDescent="0.25">
      <c r="A841" s="21"/>
      <c r="B841" s="100"/>
      <c r="D841" s="300"/>
      <c r="E841" s="113"/>
    </row>
    <row r="842" spans="1:5" x14ac:dyDescent="0.25">
      <c r="A842" s="272" t="s">
        <v>1390</v>
      </c>
      <c r="B842" s="272"/>
      <c r="D842" s="300"/>
      <c r="E842" s="113"/>
    </row>
    <row r="843" spans="1:5" ht="37.5" customHeight="1" x14ac:dyDescent="0.25">
      <c r="A843" s="276" t="s">
        <v>1391</v>
      </c>
      <c r="B843" s="277" t="s">
        <v>1392</v>
      </c>
      <c r="C843" s="278" t="s">
        <v>1393</v>
      </c>
      <c r="D843" s="300"/>
      <c r="E843" s="111" t="s">
        <v>1293</v>
      </c>
    </row>
    <row r="844" spans="1:5" ht="25.5" x14ac:dyDescent="0.25">
      <c r="A844" s="276"/>
      <c r="B844" s="277"/>
      <c r="C844" s="278"/>
      <c r="D844" s="300"/>
      <c r="E844" s="111" t="s">
        <v>3545</v>
      </c>
    </row>
    <row r="845" spans="1:5" ht="65.25" customHeight="1" x14ac:dyDescent="0.25">
      <c r="A845" s="276"/>
      <c r="B845" s="277"/>
      <c r="C845" s="278"/>
      <c r="D845" s="300"/>
      <c r="E845" s="111" t="s">
        <v>1394</v>
      </c>
    </row>
    <row r="846" spans="1:5" x14ac:dyDescent="0.25">
      <c r="A846" s="276"/>
      <c r="B846" s="277"/>
      <c r="C846" s="278"/>
      <c r="D846" s="300"/>
      <c r="E846" s="113"/>
    </row>
    <row r="847" spans="1:5" x14ac:dyDescent="0.25">
      <c r="A847" s="276" t="s">
        <v>1395</v>
      </c>
      <c r="B847" s="277" t="s">
        <v>1396</v>
      </c>
      <c r="C847" s="278" t="s">
        <v>1397</v>
      </c>
      <c r="D847" s="300"/>
      <c r="E847" s="111" t="s">
        <v>1398</v>
      </c>
    </row>
    <row r="848" spans="1:5" ht="188.25" customHeight="1" x14ac:dyDescent="0.25">
      <c r="A848" s="276"/>
      <c r="B848" s="277"/>
      <c r="C848" s="278"/>
      <c r="D848" s="300"/>
      <c r="E848" s="111" t="s">
        <v>1399</v>
      </c>
    </row>
    <row r="849" spans="1:5" ht="25.5" x14ac:dyDescent="0.25">
      <c r="A849" s="276"/>
      <c r="B849" s="277"/>
      <c r="C849" s="278"/>
      <c r="D849" s="300"/>
      <c r="E849" s="111" t="s">
        <v>1400</v>
      </c>
    </row>
    <row r="850" spans="1:5" ht="25.5" x14ac:dyDescent="0.25">
      <c r="A850" s="276" t="s">
        <v>1401</v>
      </c>
      <c r="B850" s="277" t="s">
        <v>1402</v>
      </c>
      <c r="C850" s="278" t="s">
        <v>1403</v>
      </c>
      <c r="D850" s="300"/>
      <c r="E850" s="111" t="s">
        <v>3547</v>
      </c>
    </row>
    <row r="851" spans="1:5" ht="25.5" x14ac:dyDescent="0.25">
      <c r="A851" s="276"/>
      <c r="B851" s="277"/>
      <c r="C851" s="278"/>
      <c r="D851" s="300"/>
      <c r="E851" s="111" t="s">
        <v>3546</v>
      </c>
    </row>
    <row r="852" spans="1:5" ht="25.5" x14ac:dyDescent="0.25">
      <c r="A852" s="276" t="s">
        <v>1404</v>
      </c>
      <c r="B852" s="277" t="s">
        <v>1405</v>
      </c>
      <c r="C852" s="278" t="s">
        <v>1406</v>
      </c>
      <c r="D852" s="300"/>
      <c r="E852" s="111" t="s">
        <v>1407</v>
      </c>
    </row>
    <row r="853" spans="1:5" ht="25.5" x14ac:dyDescent="0.25">
      <c r="A853" s="276"/>
      <c r="B853" s="277"/>
      <c r="C853" s="278"/>
      <c r="D853" s="300"/>
      <c r="E853" s="111" t="s">
        <v>3548</v>
      </c>
    </row>
    <row r="854" spans="1:5" ht="38.25" x14ac:dyDescent="0.25">
      <c r="A854" s="276"/>
      <c r="B854" s="277"/>
      <c r="C854" s="278"/>
      <c r="D854" s="300"/>
      <c r="E854" s="111" t="s">
        <v>1408</v>
      </c>
    </row>
    <row r="855" spans="1:5" x14ac:dyDescent="0.25">
      <c r="A855" s="276"/>
      <c r="B855" s="277"/>
      <c r="C855" s="278"/>
      <c r="D855" s="300"/>
      <c r="E855" s="113"/>
    </row>
    <row r="856" spans="1:5" x14ac:dyDescent="0.25">
      <c r="A856" s="276" t="s">
        <v>1409</v>
      </c>
      <c r="B856" s="277" t="s">
        <v>1410</v>
      </c>
      <c r="C856" s="278" t="s">
        <v>1411</v>
      </c>
      <c r="D856" s="300"/>
      <c r="E856" s="280" t="s">
        <v>1412</v>
      </c>
    </row>
    <row r="857" spans="1:5" x14ac:dyDescent="0.25">
      <c r="A857" s="276"/>
      <c r="B857" s="277"/>
      <c r="C857" s="278"/>
      <c r="D857" s="300"/>
      <c r="E857" s="280"/>
    </row>
    <row r="858" spans="1:5" ht="25.5" x14ac:dyDescent="0.25">
      <c r="A858" s="276" t="s">
        <v>1413</v>
      </c>
      <c r="B858" s="277" t="s">
        <v>1414</v>
      </c>
      <c r="C858" s="278" t="s">
        <v>1415</v>
      </c>
      <c r="D858" s="300"/>
      <c r="E858" s="111" t="s">
        <v>3549</v>
      </c>
    </row>
    <row r="859" spans="1:5" ht="25.5" x14ac:dyDescent="0.25">
      <c r="A859" s="276"/>
      <c r="B859" s="277"/>
      <c r="C859" s="278"/>
      <c r="D859" s="300"/>
      <c r="E859" s="111" t="s">
        <v>3550</v>
      </c>
    </row>
    <row r="860" spans="1:5" x14ac:dyDescent="0.25">
      <c r="A860" s="276"/>
      <c r="B860" s="277"/>
      <c r="C860" s="278"/>
      <c r="D860" s="300"/>
      <c r="E860" s="113"/>
    </row>
    <row r="861" spans="1:5" ht="25.5" x14ac:dyDescent="0.25">
      <c r="A861" s="276" t="s">
        <v>1416</v>
      </c>
      <c r="B861" s="277" t="s">
        <v>1417</v>
      </c>
      <c r="C861" s="278" t="s">
        <v>1418</v>
      </c>
      <c r="D861" s="300"/>
      <c r="E861" s="111" t="s">
        <v>3545</v>
      </c>
    </row>
    <row r="862" spans="1:5" ht="30.75" customHeight="1" x14ac:dyDescent="0.25">
      <c r="A862" s="276"/>
      <c r="B862" s="277"/>
      <c r="C862" s="278"/>
      <c r="D862" s="300"/>
      <c r="E862" s="111" t="s">
        <v>1394</v>
      </c>
    </row>
    <row r="863" spans="1:5" ht="25.5" x14ac:dyDescent="0.25">
      <c r="A863" s="276"/>
      <c r="B863" s="277"/>
      <c r="C863" s="278"/>
      <c r="D863" s="300"/>
      <c r="E863" s="111" t="s">
        <v>1407</v>
      </c>
    </row>
    <row r="864" spans="1:5" ht="25.5" x14ac:dyDescent="0.25">
      <c r="A864" s="276"/>
      <c r="B864" s="277"/>
      <c r="C864" s="278"/>
      <c r="D864" s="300"/>
      <c r="E864" s="111" t="s">
        <v>3548</v>
      </c>
    </row>
    <row r="865" spans="1:5" ht="38.25" x14ac:dyDescent="0.25">
      <c r="A865" s="276"/>
      <c r="B865" s="277"/>
      <c r="C865" s="278"/>
      <c r="D865" s="300"/>
      <c r="E865" s="111" t="s">
        <v>1408</v>
      </c>
    </row>
    <row r="866" spans="1:5" ht="25.5" x14ac:dyDescent="0.25">
      <c r="A866" s="276"/>
      <c r="B866" s="277"/>
      <c r="C866" s="278"/>
      <c r="D866" s="300"/>
      <c r="E866" s="111" t="s">
        <v>1419</v>
      </c>
    </row>
    <row r="867" spans="1:5" ht="25.5" x14ac:dyDescent="0.25">
      <c r="A867" s="276"/>
      <c r="B867" s="277"/>
      <c r="C867" s="278"/>
      <c r="D867" s="300"/>
      <c r="E867" s="111" t="s">
        <v>1420</v>
      </c>
    </row>
    <row r="868" spans="1:5" x14ac:dyDescent="0.25">
      <c r="A868" s="21"/>
      <c r="B868" s="100"/>
      <c r="D868" s="300"/>
      <c r="E868" s="113"/>
    </row>
    <row r="869" spans="1:5" x14ac:dyDescent="0.25">
      <c r="A869" s="272" t="s">
        <v>1421</v>
      </c>
      <c r="B869" s="272"/>
      <c r="D869" s="300"/>
      <c r="E869" s="113"/>
    </row>
    <row r="870" spans="1:5" x14ac:dyDescent="0.25">
      <c r="A870" s="276" t="s">
        <v>1422</v>
      </c>
      <c r="B870" s="277" t="s">
        <v>1423</v>
      </c>
      <c r="C870" s="278" t="s">
        <v>1424</v>
      </c>
      <c r="D870" s="300"/>
      <c r="E870" s="111" t="s">
        <v>1425</v>
      </c>
    </row>
    <row r="871" spans="1:5" ht="25.5" x14ac:dyDescent="0.25">
      <c r="A871" s="276"/>
      <c r="B871" s="277"/>
      <c r="C871" s="278"/>
      <c r="D871" s="300"/>
      <c r="E871" s="111" t="s">
        <v>1426</v>
      </c>
    </row>
    <row r="872" spans="1:5" x14ac:dyDescent="0.25">
      <c r="A872" s="276"/>
      <c r="B872" s="277"/>
      <c r="C872" s="278"/>
      <c r="D872" s="300"/>
      <c r="E872" s="113"/>
    </row>
    <row r="873" spans="1:5" ht="38.25" x14ac:dyDescent="0.25">
      <c r="A873" s="276" t="s">
        <v>1427</v>
      </c>
      <c r="B873" s="277" t="s">
        <v>1428</v>
      </c>
      <c r="C873" s="278"/>
      <c r="D873" s="300"/>
      <c r="E873" s="111" t="s">
        <v>3552</v>
      </c>
    </row>
    <row r="874" spans="1:5" ht="25.5" x14ac:dyDescent="0.25">
      <c r="A874" s="276"/>
      <c r="B874" s="277"/>
      <c r="C874" s="278"/>
      <c r="D874" s="300"/>
      <c r="E874" s="111" t="s">
        <v>3554</v>
      </c>
    </row>
    <row r="875" spans="1:5" ht="25.5" x14ac:dyDescent="0.25">
      <c r="A875" s="276"/>
      <c r="B875" s="277"/>
      <c r="C875" s="278"/>
      <c r="D875" s="300"/>
      <c r="E875" s="111" t="s">
        <v>1426</v>
      </c>
    </row>
    <row r="876" spans="1:5" x14ac:dyDescent="0.25">
      <c r="A876" s="276"/>
      <c r="B876" s="277"/>
      <c r="C876" s="278"/>
      <c r="D876" s="300"/>
      <c r="E876" s="111" t="s">
        <v>1429</v>
      </c>
    </row>
    <row r="877" spans="1:5" ht="25.5" x14ac:dyDescent="0.25">
      <c r="A877" s="276"/>
      <c r="B877" s="277"/>
      <c r="C877" s="278"/>
      <c r="D877" s="300"/>
      <c r="E877" s="111" t="s">
        <v>1430</v>
      </c>
    </row>
    <row r="878" spans="1:5" ht="25.5" x14ac:dyDescent="0.25">
      <c r="A878" s="276"/>
      <c r="B878" s="277"/>
      <c r="C878" s="278"/>
      <c r="D878" s="300"/>
      <c r="E878" s="111" t="s">
        <v>1431</v>
      </c>
    </row>
    <row r="879" spans="1:5" ht="25.5" x14ac:dyDescent="0.25">
      <c r="A879" s="276"/>
      <c r="B879" s="277"/>
      <c r="C879" s="278"/>
      <c r="D879" s="300"/>
      <c r="E879" s="111" t="s">
        <v>1432</v>
      </c>
    </row>
    <row r="880" spans="1:5" ht="25.5" x14ac:dyDescent="0.25">
      <c r="A880" s="276"/>
      <c r="B880" s="277"/>
      <c r="C880" s="278"/>
      <c r="D880" s="300"/>
      <c r="E880" s="111" t="s">
        <v>1433</v>
      </c>
    </row>
    <row r="881" spans="1:5" ht="25.5" x14ac:dyDescent="0.25">
      <c r="A881" s="276"/>
      <c r="B881" s="277"/>
      <c r="C881" s="278"/>
      <c r="D881" s="300"/>
      <c r="E881" s="111" t="s">
        <v>1537</v>
      </c>
    </row>
    <row r="882" spans="1:5" ht="25.5" x14ac:dyDescent="0.25">
      <c r="A882" s="276"/>
      <c r="B882" s="277"/>
      <c r="C882" s="278"/>
      <c r="D882" s="300"/>
      <c r="E882" s="111" t="s">
        <v>3579</v>
      </c>
    </row>
    <row r="883" spans="1:5" ht="25.5" x14ac:dyDescent="0.25">
      <c r="A883" s="276"/>
      <c r="B883" s="277"/>
      <c r="C883" s="278"/>
      <c r="D883" s="300"/>
      <c r="E883" s="111" t="s">
        <v>1130</v>
      </c>
    </row>
    <row r="884" spans="1:5" ht="25.5" x14ac:dyDescent="0.25">
      <c r="A884" s="276"/>
      <c r="B884" s="277"/>
      <c r="C884" s="278"/>
      <c r="D884" s="300"/>
      <c r="E884" s="111" t="s">
        <v>1432</v>
      </c>
    </row>
    <row r="885" spans="1:5" x14ac:dyDescent="0.25">
      <c r="A885" s="276"/>
      <c r="B885" s="277"/>
      <c r="C885" s="278"/>
      <c r="D885" s="300"/>
      <c r="E885" s="113"/>
    </row>
    <row r="886" spans="1:5" ht="25.5" x14ac:dyDescent="0.25">
      <c r="A886" s="276" t="s">
        <v>1434</v>
      </c>
      <c r="B886" s="277" t="s">
        <v>1435</v>
      </c>
      <c r="C886" s="278" t="s">
        <v>1436</v>
      </c>
      <c r="D886" s="300"/>
      <c r="E886" s="111" t="s">
        <v>1437</v>
      </c>
    </row>
    <row r="887" spans="1:5" ht="25.5" x14ac:dyDescent="0.25">
      <c r="A887" s="276"/>
      <c r="B887" s="277"/>
      <c r="C887" s="278"/>
      <c r="D887" s="300"/>
      <c r="E887" s="111" t="s">
        <v>1431</v>
      </c>
    </row>
    <row r="888" spans="1:5" ht="25.5" x14ac:dyDescent="0.25">
      <c r="A888" s="276"/>
      <c r="B888" s="277"/>
      <c r="C888" s="278"/>
      <c r="D888" s="300"/>
      <c r="E888" s="111" t="s">
        <v>1432</v>
      </c>
    </row>
    <row r="889" spans="1:5" ht="25.5" x14ac:dyDescent="0.25">
      <c r="A889" s="276"/>
      <c r="B889" s="277"/>
      <c r="C889" s="278"/>
      <c r="D889" s="300"/>
      <c r="E889" s="111" t="s">
        <v>1438</v>
      </c>
    </row>
    <row r="890" spans="1:5" x14ac:dyDescent="0.25">
      <c r="A890" s="276"/>
      <c r="B890" s="277"/>
      <c r="C890" s="278"/>
      <c r="D890" s="300"/>
      <c r="E890" s="113"/>
    </row>
    <row r="891" spans="1:5" ht="25.5" x14ac:dyDescent="0.25">
      <c r="A891" s="276" t="s">
        <v>1439</v>
      </c>
      <c r="B891" s="277" t="s">
        <v>1440</v>
      </c>
      <c r="C891" s="278" t="s">
        <v>1441</v>
      </c>
      <c r="D891" s="300"/>
      <c r="E891" s="111" t="s">
        <v>1442</v>
      </c>
    </row>
    <row r="892" spans="1:5" ht="25.5" x14ac:dyDescent="0.25">
      <c r="A892" s="276"/>
      <c r="B892" s="277"/>
      <c r="C892" s="278"/>
      <c r="D892" s="300"/>
      <c r="E892" s="111" t="s">
        <v>1443</v>
      </c>
    </row>
    <row r="893" spans="1:5" x14ac:dyDescent="0.25">
      <c r="A893" s="276"/>
      <c r="B893" s="277"/>
      <c r="C893" s="278"/>
      <c r="D893" s="300"/>
      <c r="E893" s="111" t="s">
        <v>1444</v>
      </c>
    </row>
    <row r="894" spans="1:5" ht="25.5" x14ac:dyDescent="0.25">
      <c r="A894" s="276"/>
      <c r="B894" s="277"/>
      <c r="C894" s="278"/>
      <c r="D894" s="300"/>
      <c r="E894" s="111" t="s">
        <v>1445</v>
      </c>
    </row>
    <row r="895" spans="1:5" ht="25.5" x14ac:dyDescent="0.25">
      <c r="A895" s="276"/>
      <c r="B895" s="277"/>
      <c r="C895" s="278"/>
      <c r="D895" s="300"/>
      <c r="E895" s="111" t="s">
        <v>1446</v>
      </c>
    </row>
    <row r="896" spans="1:5" ht="45.75" customHeight="1" x14ac:dyDescent="0.25">
      <c r="A896" s="276"/>
      <c r="B896" s="277"/>
      <c r="C896" s="278"/>
      <c r="D896" s="300"/>
      <c r="E896" s="111" t="s">
        <v>3175</v>
      </c>
    </row>
    <row r="897" spans="1:5" x14ac:dyDescent="0.25">
      <c r="A897" s="276"/>
      <c r="B897" s="277"/>
      <c r="C897" s="278"/>
      <c r="D897" s="300"/>
      <c r="E897" s="111" t="s">
        <v>1447</v>
      </c>
    </row>
    <row r="898" spans="1:5" ht="25.5" x14ac:dyDescent="0.25">
      <c r="A898" s="276"/>
      <c r="B898" s="277"/>
      <c r="C898" s="278"/>
      <c r="D898" s="300"/>
      <c r="E898" s="111" t="s">
        <v>1426</v>
      </c>
    </row>
    <row r="899" spans="1:5" ht="25.5" x14ac:dyDescent="0.25">
      <c r="A899" s="276"/>
      <c r="B899" s="277"/>
      <c r="C899" s="278"/>
      <c r="D899" s="300"/>
      <c r="E899" s="111" t="s">
        <v>1448</v>
      </c>
    </row>
    <row r="900" spans="1:5" ht="96" customHeight="1" x14ac:dyDescent="0.25">
      <c r="A900" s="276"/>
      <c r="B900" s="277"/>
      <c r="C900" s="278"/>
      <c r="D900" s="300"/>
      <c r="E900" s="111" t="s">
        <v>1449</v>
      </c>
    </row>
    <row r="901" spans="1:5" x14ac:dyDescent="0.25">
      <c r="A901" s="276"/>
      <c r="B901" s="277"/>
      <c r="C901" s="278"/>
      <c r="D901" s="300"/>
      <c r="E901" s="111" t="s">
        <v>1450</v>
      </c>
    </row>
    <row r="902" spans="1:5" ht="25.5" x14ac:dyDescent="0.25">
      <c r="A902" s="276" t="s">
        <v>1451</v>
      </c>
      <c r="B902" s="277" t="s">
        <v>1452</v>
      </c>
      <c r="C902" s="278" t="s">
        <v>1453</v>
      </c>
      <c r="D902" s="300"/>
      <c r="E902" s="111" t="s">
        <v>1454</v>
      </c>
    </row>
    <row r="903" spans="1:5" ht="25.5" x14ac:dyDescent="0.25">
      <c r="A903" s="276"/>
      <c r="B903" s="277"/>
      <c r="C903" s="278"/>
      <c r="D903" s="300"/>
      <c r="E903" s="111" t="s">
        <v>1430</v>
      </c>
    </row>
    <row r="904" spans="1:5" x14ac:dyDescent="0.25">
      <c r="A904" s="276"/>
      <c r="B904" s="277"/>
      <c r="C904" s="278"/>
      <c r="D904" s="300"/>
      <c r="E904" s="111" t="s">
        <v>1455</v>
      </c>
    </row>
    <row r="905" spans="1:5" x14ac:dyDescent="0.25">
      <c r="A905" s="276"/>
      <c r="B905" s="277"/>
      <c r="C905" s="278"/>
      <c r="D905" s="300"/>
      <c r="E905" s="111" t="s">
        <v>1456</v>
      </c>
    </row>
    <row r="906" spans="1:5" x14ac:dyDescent="0.25">
      <c r="A906" s="276"/>
      <c r="B906" s="277"/>
      <c r="C906" s="278"/>
      <c r="D906" s="300"/>
      <c r="E906" s="111" t="s">
        <v>1457</v>
      </c>
    </row>
    <row r="907" spans="1:5" ht="25.5" x14ac:dyDescent="0.25">
      <c r="A907" s="276"/>
      <c r="B907" s="277"/>
      <c r="C907" s="278"/>
      <c r="D907" s="300"/>
      <c r="E907" s="111" t="s">
        <v>3551</v>
      </c>
    </row>
    <row r="908" spans="1:5" x14ac:dyDescent="0.25">
      <c r="A908" s="276"/>
      <c r="B908" s="277"/>
      <c r="C908" s="278"/>
      <c r="D908" s="300"/>
      <c r="E908" s="113"/>
    </row>
    <row r="909" spans="1:5" ht="25.5" x14ac:dyDescent="0.25">
      <c r="A909" s="276" t="s">
        <v>1458</v>
      </c>
      <c r="B909" s="277" t="s">
        <v>1459</v>
      </c>
      <c r="C909" s="278" t="s">
        <v>1460</v>
      </c>
      <c r="D909" s="300"/>
      <c r="E909" s="111" t="s">
        <v>3551</v>
      </c>
    </row>
    <row r="910" spans="1:5" ht="38.25" x14ac:dyDescent="0.25">
      <c r="A910" s="276"/>
      <c r="B910" s="277"/>
      <c r="C910" s="278"/>
      <c r="D910" s="300"/>
      <c r="E910" s="111" t="s">
        <v>3552</v>
      </c>
    </row>
    <row r="911" spans="1:5" ht="25.5" x14ac:dyDescent="0.25">
      <c r="A911" s="276"/>
      <c r="B911" s="277"/>
      <c r="C911" s="278"/>
      <c r="D911" s="300"/>
      <c r="E911" s="111" t="s">
        <v>1426</v>
      </c>
    </row>
    <row r="912" spans="1:5" x14ac:dyDescent="0.25">
      <c r="A912" s="276"/>
      <c r="B912" s="277"/>
      <c r="C912" s="278"/>
      <c r="D912" s="300"/>
      <c r="E912" s="113"/>
    </row>
    <row r="913" spans="1:5" ht="25.5" x14ac:dyDescent="0.25">
      <c r="A913" s="276" t="s">
        <v>1461</v>
      </c>
      <c r="B913" s="277" t="s">
        <v>1462</v>
      </c>
      <c r="C913" s="278"/>
      <c r="D913" s="300"/>
      <c r="E913" s="111" t="s">
        <v>1420</v>
      </c>
    </row>
    <row r="914" spans="1:5" ht="38.25" x14ac:dyDescent="0.25">
      <c r="A914" s="276"/>
      <c r="B914" s="277"/>
      <c r="C914" s="278"/>
      <c r="D914" s="300"/>
      <c r="E914" s="111" t="s">
        <v>1463</v>
      </c>
    </row>
    <row r="915" spans="1:5" ht="25.5" x14ac:dyDescent="0.25">
      <c r="A915" s="276"/>
      <c r="B915" s="277"/>
      <c r="C915" s="278"/>
      <c r="D915" s="300"/>
      <c r="E915" s="111" t="s">
        <v>3582</v>
      </c>
    </row>
    <row r="916" spans="1:5" ht="25.5" x14ac:dyDescent="0.25">
      <c r="A916" s="276"/>
      <c r="B916" s="277"/>
      <c r="C916" s="278"/>
      <c r="D916" s="300"/>
      <c r="E916" s="111" t="s">
        <v>1465</v>
      </c>
    </row>
    <row r="917" spans="1:5" ht="27" customHeight="1" x14ac:dyDescent="0.25">
      <c r="A917" s="276"/>
      <c r="B917" s="277"/>
      <c r="C917" s="278"/>
      <c r="D917" s="300"/>
      <c r="E917" s="111" t="s">
        <v>3582</v>
      </c>
    </row>
    <row r="918" spans="1:5" x14ac:dyDescent="0.25">
      <c r="A918" s="276"/>
      <c r="B918" s="277"/>
      <c r="C918" s="278"/>
      <c r="D918" s="300"/>
      <c r="E918" s="113"/>
    </row>
    <row r="919" spans="1:5" ht="25.5" x14ac:dyDescent="0.25">
      <c r="A919" s="276" t="s">
        <v>1466</v>
      </c>
      <c r="B919" s="277" t="s">
        <v>1467</v>
      </c>
      <c r="C919" s="278" t="s">
        <v>1468</v>
      </c>
      <c r="D919" s="300"/>
      <c r="E919" s="111" t="s">
        <v>1469</v>
      </c>
    </row>
    <row r="920" spans="1:5" ht="25.5" x14ac:dyDescent="0.25">
      <c r="A920" s="276"/>
      <c r="B920" s="277"/>
      <c r="C920" s="278"/>
      <c r="D920" s="300"/>
      <c r="E920" s="111" t="s">
        <v>1470</v>
      </c>
    </row>
    <row r="921" spans="1:5" x14ac:dyDescent="0.25">
      <c r="A921" s="276"/>
      <c r="B921" s="277"/>
      <c r="C921" s="278"/>
      <c r="D921" s="300"/>
      <c r="E921" s="111" t="s">
        <v>1471</v>
      </c>
    </row>
    <row r="922" spans="1:5" ht="25.5" x14ac:dyDescent="0.25">
      <c r="A922" s="276"/>
      <c r="B922" s="277"/>
      <c r="C922" s="278"/>
      <c r="D922" s="300"/>
      <c r="E922" s="111" t="s">
        <v>3556</v>
      </c>
    </row>
    <row r="923" spans="1:5" x14ac:dyDescent="0.25">
      <c r="A923" s="276"/>
      <c r="B923" s="277"/>
      <c r="C923" s="278"/>
      <c r="D923" s="300"/>
      <c r="E923" s="113"/>
    </row>
    <row r="924" spans="1:5" x14ac:dyDescent="0.25">
      <c r="A924" s="276" t="s">
        <v>1472</v>
      </c>
      <c r="B924" s="277" t="s">
        <v>1473</v>
      </c>
      <c r="C924" s="278" t="s">
        <v>1474</v>
      </c>
      <c r="D924" s="300"/>
      <c r="E924" s="111" t="s">
        <v>1475</v>
      </c>
    </row>
    <row r="925" spans="1:5" ht="25.5" x14ac:dyDescent="0.25">
      <c r="A925" s="276"/>
      <c r="B925" s="277"/>
      <c r="C925" s="278"/>
      <c r="D925" s="300"/>
      <c r="E925" s="111" t="s">
        <v>1476</v>
      </c>
    </row>
    <row r="926" spans="1:5" x14ac:dyDescent="0.25">
      <c r="A926" s="276"/>
      <c r="B926" s="277"/>
      <c r="C926" s="278"/>
      <c r="D926" s="300"/>
      <c r="E926" s="111" t="s">
        <v>3555</v>
      </c>
    </row>
    <row r="927" spans="1:5" ht="25.5" x14ac:dyDescent="0.25">
      <c r="A927" s="276"/>
      <c r="B927" s="277"/>
      <c r="C927" s="278"/>
      <c r="D927" s="300"/>
      <c r="E927" s="111" t="s">
        <v>1431</v>
      </c>
    </row>
    <row r="928" spans="1:5" ht="25.5" x14ac:dyDescent="0.25">
      <c r="A928" s="276"/>
      <c r="B928" s="277"/>
      <c r="C928" s="278"/>
      <c r="D928" s="300"/>
      <c r="E928" s="111" t="s">
        <v>1432</v>
      </c>
    </row>
    <row r="929" spans="1:5" x14ac:dyDescent="0.25">
      <c r="A929" s="276"/>
      <c r="B929" s="277"/>
      <c r="C929" s="278"/>
      <c r="D929" s="300"/>
      <c r="E929" s="111" t="s">
        <v>3555</v>
      </c>
    </row>
    <row r="930" spans="1:5" ht="25.5" x14ac:dyDescent="0.25">
      <c r="A930" s="276"/>
      <c r="B930" s="277"/>
      <c r="C930" s="278"/>
      <c r="D930" s="300"/>
      <c r="E930" s="111" t="s">
        <v>1537</v>
      </c>
    </row>
    <row r="931" spans="1:5" ht="38.25" x14ac:dyDescent="0.25">
      <c r="A931" s="276"/>
      <c r="B931" s="277"/>
      <c r="C931" s="278"/>
      <c r="D931" s="300"/>
      <c r="E931" s="111" t="s">
        <v>3552</v>
      </c>
    </row>
    <row r="932" spans="1:5" ht="25.5" x14ac:dyDescent="0.25">
      <c r="A932" s="276"/>
      <c r="B932" s="277"/>
      <c r="C932" s="278"/>
      <c r="D932" s="300"/>
      <c r="E932" s="111" t="s">
        <v>1419</v>
      </c>
    </row>
    <row r="933" spans="1:5" ht="25.5" x14ac:dyDescent="0.25">
      <c r="A933" s="276"/>
      <c r="B933" s="277"/>
      <c r="C933" s="278"/>
      <c r="D933" s="300"/>
      <c r="E933" s="111" t="s">
        <v>1477</v>
      </c>
    </row>
    <row r="934" spans="1:5" ht="25.5" x14ac:dyDescent="0.25">
      <c r="A934" s="276"/>
      <c r="B934" s="277"/>
      <c r="C934" s="278"/>
      <c r="D934" s="300"/>
      <c r="E934" s="111" t="s">
        <v>3533</v>
      </c>
    </row>
    <row r="935" spans="1:5" ht="25.5" x14ac:dyDescent="0.25">
      <c r="A935" s="276"/>
      <c r="B935" s="277"/>
      <c r="C935" s="278"/>
      <c r="D935" s="300"/>
      <c r="E935" s="111" t="s">
        <v>1478</v>
      </c>
    </row>
    <row r="936" spans="1:5" ht="25.5" x14ac:dyDescent="0.25">
      <c r="A936" s="276"/>
      <c r="B936" s="277"/>
      <c r="C936" s="278"/>
      <c r="D936" s="300"/>
      <c r="E936" s="111" t="s">
        <v>1479</v>
      </c>
    </row>
    <row r="937" spans="1:5" ht="28.5" customHeight="1" x14ac:dyDescent="0.25">
      <c r="A937" s="276"/>
      <c r="B937" s="277"/>
      <c r="C937" s="278"/>
      <c r="D937" s="300"/>
      <c r="E937" s="111" t="s">
        <v>1426</v>
      </c>
    </row>
    <row r="938" spans="1:5" x14ac:dyDescent="0.25">
      <c r="A938" s="276"/>
      <c r="B938" s="277"/>
      <c r="C938" s="278"/>
      <c r="D938" s="300"/>
      <c r="E938" s="111" t="s">
        <v>1429</v>
      </c>
    </row>
    <row r="939" spans="1:5" ht="25.5" x14ac:dyDescent="0.25">
      <c r="A939" s="276"/>
      <c r="B939" s="277"/>
      <c r="C939" s="278"/>
      <c r="D939" s="300"/>
      <c r="E939" s="111" t="s">
        <v>1432</v>
      </c>
    </row>
    <row r="940" spans="1:5" ht="25.5" x14ac:dyDescent="0.25">
      <c r="A940" s="276"/>
      <c r="B940" s="277"/>
      <c r="C940" s="278"/>
      <c r="D940" s="300"/>
      <c r="E940" s="111" t="s">
        <v>1116</v>
      </c>
    </row>
    <row r="941" spans="1:5" ht="25.5" x14ac:dyDescent="0.25">
      <c r="A941" s="276"/>
      <c r="B941" s="277"/>
      <c r="C941" s="278"/>
      <c r="D941" s="300"/>
      <c r="E941" s="111" t="s">
        <v>1130</v>
      </c>
    </row>
    <row r="942" spans="1:5" x14ac:dyDescent="0.25">
      <c r="A942" s="276"/>
      <c r="B942" s="277"/>
      <c r="C942" s="278"/>
      <c r="D942" s="300"/>
      <c r="E942" s="113"/>
    </row>
    <row r="943" spans="1:5" x14ac:dyDescent="0.25">
      <c r="A943" s="21"/>
      <c r="B943" s="100"/>
      <c r="D943" s="300"/>
      <c r="E943" s="113"/>
    </row>
    <row r="944" spans="1:5" x14ac:dyDescent="0.25">
      <c r="A944" s="272" t="s">
        <v>1480</v>
      </c>
      <c r="B944" s="272"/>
      <c r="D944" s="300"/>
      <c r="E944" s="113"/>
    </row>
    <row r="945" spans="1:5" ht="25.5" x14ac:dyDescent="0.25">
      <c r="A945" s="276" t="s">
        <v>1481</v>
      </c>
      <c r="B945" s="277" t="s">
        <v>1482</v>
      </c>
      <c r="C945" s="278"/>
      <c r="D945" s="300"/>
      <c r="E945" s="111" t="s">
        <v>1483</v>
      </c>
    </row>
    <row r="946" spans="1:5" ht="25.5" x14ac:dyDescent="0.25">
      <c r="A946" s="276"/>
      <c r="B946" s="277"/>
      <c r="C946" s="278"/>
      <c r="D946" s="300"/>
      <c r="E946" s="111" t="s">
        <v>1484</v>
      </c>
    </row>
    <row r="947" spans="1:5" ht="25.5" x14ac:dyDescent="0.25">
      <c r="A947" s="276"/>
      <c r="B947" s="277"/>
      <c r="C947" s="278"/>
      <c r="D947" s="300"/>
      <c r="E947" s="111" t="s">
        <v>3579</v>
      </c>
    </row>
    <row r="948" spans="1:5" x14ac:dyDescent="0.25">
      <c r="A948" s="276"/>
      <c r="B948" s="277"/>
      <c r="C948" s="278"/>
      <c r="D948" s="300"/>
      <c r="E948" s="113"/>
    </row>
    <row r="949" spans="1:5" ht="25.5" x14ac:dyDescent="0.25">
      <c r="A949" s="276" t="s">
        <v>1485</v>
      </c>
      <c r="B949" s="277" t="s">
        <v>1486</v>
      </c>
      <c r="C949" s="278" t="s">
        <v>1487</v>
      </c>
      <c r="D949" s="300"/>
      <c r="E949" s="111" t="s">
        <v>3553</v>
      </c>
    </row>
    <row r="950" spans="1:5" ht="25.5" x14ac:dyDescent="0.25">
      <c r="A950" s="276"/>
      <c r="B950" s="277"/>
      <c r="C950" s="278"/>
      <c r="D950" s="300"/>
      <c r="E950" s="111" t="s">
        <v>1448</v>
      </c>
    </row>
    <row r="951" spans="1:5" ht="25.5" x14ac:dyDescent="0.25">
      <c r="A951" s="276"/>
      <c r="B951" s="277"/>
      <c r="C951" s="278"/>
      <c r="D951" s="300"/>
      <c r="E951" s="111" t="s">
        <v>1488</v>
      </c>
    </row>
    <row r="952" spans="1:5" ht="25.5" x14ac:dyDescent="0.25">
      <c r="A952" s="276"/>
      <c r="B952" s="277"/>
      <c r="C952" s="278"/>
      <c r="D952" s="300"/>
      <c r="E952" s="111" t="s">
        <v>1489</v>
      </c>
    </row>
    <row r="953" spans="1:5" ht="25.5" x14ac:dyDescent="0.25">
      <c r="A953" s="276"/>
      <c r="B953" s="277"/>
      <c r="C953" s="278"/>
      <c r="D953" s="300"/>
      <c r="E953" s="111" t="s">
        <v>1490</v>
      </c>
    </row>
    <row r="954" spans="1:5" x14ac:dyDescent="0.25">
      <c r="A954" s="276"/>
      <c r="B954" s="277"/>
      <c r="C954" s="278"/>
      <c r="D954" s="300"/>
      <c r="E954" s="113"/>
    </row>
    <row r="955" spans="1:5" ht="25.5" x14ac:dyDescent="0.25">
      <c r="A955" s="276" t="s">
        <v>1491</v>
      </c>
      <c r="B955" s="277" t="s">
        <v>1492</v>
      </c>
      <c r="C955" s="278" t="s">
        <v>1493</v>
      </c>
      <c r="D955" s="300"/>
      <c r="E955" s="111" t="s">
        <v>1494</v>
      </c>
    </row>
    <row r="956" spans="1:5" ht="25.5" x14ac:dyDescent="0.25">
      <c r="A956" s="276"/>
      <c r="B956" s="277"/>
      <c r="C956" s="278"/>
      <c r="D956" s="300"/>
      <c r="E956" s="111" t="s">
        <v>1433</v>
      </c>
    </row>
    <row r="957" spans="1:5" x14ac:dyDescent="0.25">
      <c r="A957" s="276"/>
      <c r="B957" s="277"/>
      <c r="C957" s="278"/>
      <c r="D957" s="300"/>
      <c r="E957" s="111" t="s">
        <v>1495</v>
      </c>
    </row>
    <row r="958" spans="1:5" ht="28.5" customHeight="1" x14ac:dyDescent="0.25">
      <c r="A958" s="276"/>
      <c r="B958" s="277"/>
      <c r="C958" s="278"/>
      <c r="D958" s="300"/>
      <c r="E958" s="111" t="s">
        <v>1496</v>
      </c>
    </row>
    <row r="959" spans="1:5" ht="25.5" x14ac:dyDescent="0.25">
      <c r="A959" s="276"/>
      <c r="B959" s="277"/>
      <c r="C959" s="278"/>
      <c r="D959" s="300"/>
      <c r="E959" s="111" t="s">
        <v>1497</v>
      </c>
    </row>
    <row r="960" spans="1:5" ht="25.5" x14ac:dyDescent="0.25">
      <c r="A960" s="276"/>
      <c r="B960" s="277"/>
      <c r="C960" s="278"/>
      <c r="D960" s="300"/>
      <c r="E960" s="111" t="s">
        <v>1498</v>
      </c>
    </row>
    <row r="961" spans="1:5" ht="25.5" x14ac:dyDescent="0.25">
      <c r="A961" s="276"/>
      <c r="B961" s="277"/>
      <c r="C961" s="278"/>
      <c r="D961" s="300"/>
      <c r="E961" s="111" t="s">
        <v>1489</v>
      </c>
    </row>
    <row r="962" spans="1:5" ht="25.5" x14ac:dyDescent="0.25">
      <c r="A962" s="276"/>
      <c r="B962" s="277"/>
      <c r="C962" s="278"/>
      <c r="D962" s="300"/>
      <c r="E962" s="111" t="s">
        <v>1426</v>
      </c>
    </row>
    <row r="963" spans="1:5" ht="25.5" x14ac:dyDescent="0.25">
      <c r="A963" s="276"/>
      <c r="B963" s="277"/>
      <c r="C963" s="278"/>
      <c r="D963" s="300"/>
      <c r="E963" s="111" t="s">
        <v>1432</v>
      </c>
    </row>
    <row r="964" spans="1:5" ht="25.5" x14ac:dyDescent="0.25">
      <c r="A964" s="276"/>
      <c r="B964" s="277"/>
      <c r="C964" s="278"/>
      <c r="D964" s="300"/>
      <c r="E964" s="111" t="s">
        <v>1477</v>
      </c>
    </row>
    <row r="965" spans="1:5" x14ac:dyDescent="0.25">
      <c r="A965" s="276"/>
      <c r="B965" s="277"/>
      <c r="C965" s="278"/>
      <c r="D965" s="300"/>
      <c r="E965" s="113"/>
    </row>
    <row r="966" spans="1:5" x14ac:dyDescent="0.25">
      <c r="A966" s="276" t="s">
        <v>1499</v>
      </c>
      <c r="B966" s="277" t="s">
        <v>1500</v>
      </c>
      <c r="C966" s="278" t="s">
        <v>1501</v>
      </c>
      <c r="D966" s="300"/>
      <c r="E966" s="111" t="s">
        <v>3565</v>
      </c>
    </row>
    <row r="967" spans="1:5" ht="25.5" x14ac:dyDescent="0.25">
      <c r="A967" s="276"/>
      <c r="B967" s="277"/>
      <c r="C967" s="278"/>
      <c r="D967" s="300"/>
      <c r="E967" s="111" t="s">
        <v>1432</v>
      </c>
    </row>
    <row r="968" spans="1:5" x14ac:dyDescent="0.25">
      <c r="A968" s="276"/>
      <c r="B968" s="277"/>
      <c r="C968" s="278"/>
      <c r="D968" s="300"/>
      <c r="E968" s="111" t="s">
        <v>1502</v>
      </c>
    </row>
    <row r="969" spans="1:5" ht="25.5" x14ac:dyDescent="0.25">
      <c r="A969" s="276"/>
      <c r="B969" s="277"/>
      <c r="C969" s="278"/>
      <c r="D969" s="300"/>
      <c r="E969" s="111" t="s">
        <v>1503</v>
      </c>
    </row>
    <row r="970" spans="1:5" ht="25.5" x14ac:dyDescent="0.25">
      <c r="A970" s="276"/>
      <c r="B970" s="277"/>
      <c r="C970" s="278"/>
      <c r="D970" s="300"/>
      <c r="E970" s="111" t="s">
        <v>3553</v>
      </c>
    </row>
    <row r="971" spans="1:5" ht="25.5" x14ac:dyDescent="0.25">
      <c r="A971" s="276"/>
      <c r="B971" s="277"/>
      <c r="C971" s="278"/>
      <c r="D971" s="300"/>
      <c r="E971" s="111" t="s">
        <v>1504</v>
      </c>
    </row>
    <row r="972" spans="1:5" ht="25.5" x14ac:dyDescent="0.25">
      <c r="A972" s="276"/>
      <c r="B972" s="277"/>
      <c r="C972" s="278"/>
      <c r="D972" s="300"/>
      <c r="E972" s="111" t="s">
        <v>3176</v>
      </c>
    </row>
    <row r="973" spans="1:5" ht="25.5" x14ac:dyDescent="0.25">
      <c r="A973" s="276"/>
      <c r="B973" s="277"/>
      <c r="C973" s="278"/>
      <c r="D973" s="300"/>
      <c r="E973" s="111" t="s">
        <v>3566</v>
      </c>
    </row>
    <row r="974" spans="1:5" x14ac:dyDescent="0.25">
      <c r="A974" s="276"/>
      <c r="B974" s="277"/>
      <c r="C974" s="278"/>
      <c r="D974" s="300"/>
      <c r="E974" s="113"/>
    </row>
    <row r="975" spans="1:5" ht="25.5" x14ac:dyDescent="0.25">
      <c r="A975" s="276" t="s">
        <v>1505</v>
      </c>
      <c r="B975" s="277" t="s">
        <v>1506</v>
      </c>
      <c r="C975" s="278" t="s">
        <v>1507</v>
      </c>
      <c r="D975" s="300"/>
      <c r="E975" s="111" t="s">
        <v>1508</v>
      </c>
    </row>
    <row r="976" spans="1:5" ht="25.5" x14ac:dyDescent="0.25">
      <c r="A976" s="276"/>
      <c r="B976" s="277"/>
      <c r="C976" s="278"/>
      <c r="D976" s="300"/>
      <c r="E976" s="111" t="s">
        <v>1509</v>
      </c>
    </row>
    <row r="977" spans="1:5" ht="25.5" x14ac:dyDescent="0.25">
      <c r="A977" s="276"/>
      <c r="B977" s="277"/>
      <c r="C977" s="278"/>
      <c r="D977" s="300"/>
      <c r="E977" s="111" t="s">
        <v>3566</v>
      </c>
    </row>
    <row r="978" spans="1:5" ht="25.5" x14ac:dyDescent="0.25">
      <c r="A978" s="276"/>
      <c r="B978" s="277"/>
      <c r="C978" s="278"/>
      <c r="D978" s="300"/>
      <c r="E978" s="111" t="s">
        <v>3558</v>
      </c>
    </row>
    <row r="979" spans="1:5" ht="25.5" x14ac:dyDescent="0.25">
      <c r="A979" s="276"/>
      <c r="B979" s="277"/>
      <c r="C979" s="278"/>
      <c r="D979" s="300"/>
      <c r="E979" s="111" t="s">
        <v>3557</v>
      </c>
    </row>
    <row r="980" spans="1:5" ht="25.5" x14ac:dyDescent="0.25">
      <c r="A980" s="276"/>
      <c r="B980" s="277"/>
      <c r="C980" s="278"/>
      <c r="D980" s="300"/>
      <c r="E980" s="111" t="s">
        <v>3557</v>
      </c>
    </row>
    <row r="981" spans="1:5" ht="25.5" x14ac:dyDescent="0.25">
      <c r="A981" s="276"/>
      <c r="B981" s="277"/>
      <c r="C981" s="278"/>
      <c r="D981" s="300"/>
      <c r="E981" s="111" t="s">
        <v>3559</v>
      </c>
    </row>
    <row r="982" spans="1:5" ht="24.75" customHeight="1" x14ac:dyDescent="0.25">
      <c r="A982" s="276"/>
      <c r="B982" s="277"/>
      <c r="C982" s="278"/>
      <c r="D982" s="300"/>
      <c r="E982" s="111" t="s">
        <v>3560</v>
      </c>
    </row>
    <row r="983" spans="1:5" ht="25.5" x14ac:dyDescent="0.25">
      <c r="A983" s="276"/>
      <c r="B983" s="277"/>
      <c r="C983" s="278"/>
      <c r="D983" s="300"/>
      <c r="E983" s="111" t="s">
        <v>1445</v>
      </c>
    </row>
    <row r="984" spans="1:5" ht="25.5" x14ac:dyDescent="0.25">
      <c r="A984" s="276"/>
      <c r="B984" s="277"/>
      <c r="C984" s="278"/>
      <c r="D984" s="300"/>
      <c r="E984" s="111" t="s">
        <v>1488</v>
      </c>
    </row>
    <row r="985" spans="1:5" ht="25.5" x14ac:dyDescent="0.25">
      <c r="A985" s="276"/>
      <c r="B985" s="277"/>
      <c r="C985" s="278"/>
      <c r="D985" s="300"/>
      <c r="E985" s="111" t="s">
        <v>3558</v>
      </c>
    </row>
    <row r="986" spans="1:5" ht="25.5" x14ac:dyDescent="0.25">
      <c r="A986" s="276"/>
      <c r="B986" s="277"/>
      <c r="C986" s="278"/>
      <c r="D986" s="300"/>
      <c r="E986" s="111" t="s">
        <v>3561</v>
      </c>
    </row>
    <row r="987" spans="1:5" ht="25.5" x14ac:dyDescent="0.25">
      <c r="A987" s="276"/>
      <c r="B987" s="277"/>
      <c r="C987" s="278"/>
      <c r="D987" s="300"/>
      <c r="E987" s="111" t="s">
        <v>3558</v>
      </c>
    </row>
    <row r="988" spans="1:5" ht="25.5" x14ac:dyDescent="0.25">
      <c r="A988" s="276"/>
      <c r="B988" s="277"/>
      <c r="C988" s="278"/>
      <c r="D988" s="300"/>
      <c r="E988" s="111" t="s">
        <v>3562</v>
      </c>
    </row>
    <row r="989" spans="1:5" x14ac:dyDescent="0.25">
      <c r="A989" s="276"/>
      <c r="B989" s="277"/>
      <c r="C989" s="278"/>
      <c r="D989" s="300"/>
      <c r="E989" s="113"/>
    </row>
    <row r="990" spans="1:5" ht="25.5" customHeight="1" x14ac:dyDescent="0.25">
      <c r="A990" s="276" t="s">
        <v>1510</v>
      </c>
      <c r="B990" s="277" t="s">
        <v>1511</v>
      </c>
      <c r="C990" s="278" t="s">
        <v>1512</v>
      </c>
      <c r="D990" s="300"/>
      <c r="E990" s="111" t="s">
        <v>1513</v>
      </c>
    </row>
    <row r="991" spans="1:5" ht="25.5" x14ac:dyDescent="0.25">
      <c r="A991" s="276"/>
      <c r="B991" s="277"/>
      <c r="C991" s="278"/>
      <c r="D991" s="300"/>
      <c r="E991" s="111" t="s">
        <v>1514</v>
      </c>
    </row>
    <row r="992" spans="1:5" ht="25.5" x14ac:dyDescent="0.25">
      <c r="A992" s="276"/>
      <c r="B992" s="277"/>
      <c r="C992" s="278"/>
      <c r="D992" s="300"/>
      <c r="E992" s="111" t="s">
        <v>1515</v>
      </c>
    </row>
    <row r="993" spans="1:5" ht="38.25" x14ac:dyDescent="0.25">
      <c r="A993" s="276"/>
      <c r="B993" s="277"/>
      <c r="C993" s="278"/>
      <c r="D993" s="300"/>
      <c r="E993" s="111" t="s">
        <v>3564</v>
      </c>
    </row>
    <row r="994" spans="1:5" x14ac:dyDescent="0.25">
      <c r="A994" s="276"/>
      <c r="B994" s="277"/>
      <c r="C994" s="278"/>
      <c r="D994" s="300"/>
      <c r="E994" s="111" t="s">
        <v>1516</v>
      </c>
    </row>
    <row r="995" spans="1:5" ht="25.5" x14ac:dyDescent="0.25">
      <c r="A995" s="276"/>
      <c r="B995" s="277"/>
      <c r="C995" s="278"/>
      <c r="D995" s="300"/>
      <c r="E995" s="111" t="s">
        <v>3177</v>
      </c>
    </row>
    <row r="996" spans="1:5" ht="25.5" x14ac:dyDescent="0.25">
      <c r="A996" s="276"/>
      <c r="B996" s="277"/>
      <c r="C996" s="278"/>
      <c r="D996" s="300"/>
      <c r="E996" s="111" t="s">
        <v>1517</v>
      </c>
    </row>
    <row r="997" spans="1:5" ht="25.5" x14ac:dyDescent="0.25">
      <c r="A997" s="276"/>
      <c r="B997" s="277"/>
      <c r="C997" s="278"/>
      <c r="D997" s="300"/>
      <c r="E997" s="111" t="s">
        <v>1518</v>
      </c>
    </row>
    <row r="998" spans="1:5" ht="25.5" x14ac:dyDescent="0.25">
      <c r="A998" s="276"/>
      <c r="B998" s="277"/>
      <c r="C998" s="278"/>
      <c r="D998" s="300"/>
      <c r="E998" s="111" t="s">
        <v>1093</v>
      </c>
    </row>
    <row r="999" spans="1:5" ht="25.5" x14ac:dyDescent="0.25">
      <c r="A999" s="276"/>
      <c r="B999" s="277"/>
      <c r="C999" s="278"/>
      <c r="D999" s="300"/>
      <c r="E999" s="111" t="s">
        <v>1438</v>
      </c>
    </row>
    <row r="1000" spans="1:5" ht="25.5" x14ac:dyDescent="0.25">
      <c r="A1000" s="276"/>
      <c r="B1000" s="277"/>
      <c r="C1000" s="278"/>
      <c r="D1000" s="300"/>
      <c r="E1000" s="111" t="s">
        <v>1519</v>
      </c>
    </row>
    <row r="1001" spans="1:5" x14ac:dyDescent="0.25">
      <c r="A1001" s="276"/>
      <c r="B1001" s="277"/>
      <c r="C1001" s="278"/>
      <c r="D1001" s="300"/>
      <c r="E1001" s="113"/>
    </row>
    <row r="1002" spans="1:5" x14ac:dyDescent="0.25">
      <c r="A1002" s="276" t="s">
        <v>1520</v>
      </c>
      <c r="B1002" s="277" t="s">
        <v>1521</v>
      </c>
      <c r="C1002" s="278" t="s">
        <v>1522</v>
      </c>
      <c r="D1002" s="300"/>
      <c r="E1002" s="111" t="s">
        <v>1523</v>
      </c>
    </row>
    <row r="1003" spans="1:5" ht="25.5" x14ac:dyDescent="0.25">
      <c r="A1003" s="276"/>
      <c r="B1003" s="277"/>
      <c r="C1003" s="278"/>
      <c r="D1003" s="300"/>
      <c r="E1003" s="111" t="s">
        <v>1524</v>
      </c>
    </row>
    <row r="1004" spans="1:5" ht="25.5" x14ac:dyDescent="0.25">
      <c r="A1004" s="276"/>
      <c r="B1004" s="277"/>
      <c r="C1004" s="278"/>
      <c r="D1004" s="300"/>
      <c r="E1004" s="111" t="s">
        <v>3568</v>
      </c>
    </row>
    <row r="1005" spans="1:5" ht="25.5" x14ac:dyDescent="0.25">
      <c r="A1005" s="276"/>
      <c r="B1005" s="277"/>
      <c r="C1005" s="278"/>
      <c r="D1005" s="300"/>
      <c r="E1005" s="111" t="s">
        <v>1525</v>
      </c>
    </row>
    <row r="1006" spans="1:5" ht="25.5" x14ac:dyDescent="0.25">
      <c r="A1006" s="276"/>
      <c r="B1006" s="277"/>
      <c r="C1006" s="278"/>
      <c r="D1006" s="300"/>
      <c r="E1006" s="111" t="s">
        <v>1526</v>
      </c>
    </row>
    <row r="1007" spans="1:5" ht="25.5" x14ac:dyDescent="0.25">
      <c r="A1007" s="276"/>
      <c r="B1007" s="277"/>
      <c r="C1007" s="278"/>
      <c r="D1007" s="300"/>
      <c r="E1007" s="111" t="s">
        <v>3562</v>
      </c>
    </row>
    <row r="1008" spans="1:5" ht="25.5" x14ac:dyDescent="0.25">
      <c r="A1008" s="276"/>
      <c r="B1008" s="277"/>
      <c r="C1008" s="278"/>
      <c r="D1008" s="300"/>
      <c r="E1008" s="111" t="s">
        <v>3562</v>
      </c>
    </row>
    <row r="1009" spans="1:5" ht="25.5" x14ac:dyDescent="0.25">
      <c r="A1009" s="276"/>
      <c r="B1009" s="277"/>
      <c r="C1009" s="278"/>
      <c r="D1009" s="300"/>
      <c r="E1009" s="111" t="s">
        <v>1537</v>
      </c>
    </row>
    <row r="1010" spans="1:5" ht="25.5" x14ac:dyDescent="0.25">
      <c r="A1010" s="276"/>
      <c r="B1010" s="277"/>
      <c r="C1010" s="278"/>
      <c r="D1010" s="300"/>
      <c r="E1010" s="111" t="s">
        <v>3586</v>
      </c>
    </row>
    <row r="1011" spans="1:5" x14ac:dyDescent="0.25">
      <c r="A1011" s="276"/>
      <c r="B1011" s="277"/>
      <c r="C1011" s="278"/>
      <c r="D1011" s="300"/>
      <c r="E1011" s="113"/>
    </row>
    <row r="1012" spans="1:5" ht="25.5" x14ac:dyDescent="0.25">
      <c r="A1012" s="276" t="s">
        <v>1527</v>
      </c>
      <c r="B1012" s="277" t="s">
        <v>1528</v>
      </c>
      <c r="C1012" s="278" t="s">
        <v>1529</v>
      </c>
      <c r="D1012" s="300"/>
      <c r="E1012" s="111" t="s">
        <v>3562</v>
      </c>
    </row>
    <row r="1013" spans="1:5" ht="25.5" x14ac:dyDescent="0.25">
      <c r="A1013" s="276"/>
      <c r="B1013" s="277"/>
      <c r="C1013" s="278"/>
      <c r="D1013" s="300"/>
      <c r="E1013" s="111" t="s">
        <v>3562</v>
      </c>
    </row>
    <row r="1014" spans="1:5" x14ac:dyDescent="0.25">
      <c r="A1014" s="276"/>
      <c r="B1014" s="277"/>
      <c r="C1014" s="278"/>
      <c r="D1014" s="300"/>
      <c r="E1014" s="113"/>
    </row>
    <row r="1015" spans="1:5" ht="51" x14ac:dyDescent="0.25">
      <c r="A1015" s="276" t="s">
        <v>1530</v>
      </c>
      <c r="B1015" s="277" t="s">
        <v>1531</v>
      </c>
      <c r="C1015" s="278" t="s">
        <v>1532</v>
      </c>
      <c r="D1015" s="300"/>
      <c r="E1015" s="111" t="s">
        <v>3175</v>
      </c>
    </row>
    <row r="1016" spans="1:5" ht="25.5" x14ac:dyDescent="0.25">
      <c r="A1016" s="276"/>
      <c r="B1016" s="277"/>
      <c r="C1016" s="278"/>
      <c r="D1016" s="300"/>
      <c r="E1016" s="111" t="s">
        <v>3579</v>
      </c>
    </row>
    <row r="1017" spans="1:5" ht="25.5" x14ac:dyDescent="0.25">
      <c r="A1017" s="276"/>
      <c r="B1017" s="277"/>
      <c r="C1017" s="278"/>
      <c r="D1017" s="300"/>
      <c r="E1017" s="111" t="s">
        <v>1533</v>
      </c>
    </row>
    <row r="1018" spans="1:5" ht="25.5" x14ac:dyDescent="0.25">
      <c r="A1018" s="276"/>
      <c r="B1018" s="277"/>
      <c r="C1018" s="278"/>
      <c r="D1018" s="300"/>
      <c r="E1018" s="111" t="s">
        <v>3562</v>
      </c>
    </row>
    <row r="1019" spans="1:5" ht="25.5" x14ac:dyDescent="0.25">
      <c r="A1019" s="276"/>
      <c r="B1019" s="277"/>
      <c r="C1019" s="278"/>
      <c r="D1019" s="300"/>
      <c r="E1019" s="111" t="s">
        <v>3576</v>
      </c>
    </row>
    <row r="1020" spans="1:5" ht="25.5" x14ac:dyDescent="0.25">
      <c r="A1020" s="276"/>
      <c r="B1020" s="277"/>
      <c r="C1020" s="278"/>
      <c r="D1020" s="300"/>
      <c r="E1020" s="111" t="s">
        <v>1534</v>
      </c>
    </row>
    <row r="1021" spans="1:5" ht="25.5" x14ac:dyDescent="0.25">
      <c r="A1021" s="276"/>
      <c r="B1021" s="277"/>
      <c r="C1021" s="278"/>
      <c r="D1021" s="300"/>
      <c r="E1021" s="111" t="s">
        <v>1535</v>
      </c>
    </row>
    <row r="1022" spans="1:5" x14ac:dyDescent="0.25">
      <c r="A1022" s="276"/>
      <c r="B1022" s="277"/>
      <c r="C1022" s="278"/>
      <c r="D1022" s="300"/>
      <c r="E1022" s="111" t="s">
        <v>3567</v>
      </c>
    </row>
    <row r="1023" spans="1:5" x14ac:dyDescent="0.25">
      <c r="A1023" s="276"/>
      <c r="B1023" s="277"/>
      <c r="C1023" s="278"/>
      <c r="D1023" s="300"/>
      <c r="E1023" s="111" t="s">
        <v>1536</v>
      </c>
    </row>
    <row r="1024" spans="1:5" ht="25.5" x14ac:dyDescent="0.25">
      <c r="A1024" s="276"/>
      <c r="B1024" s="277"/>
      <c r="C1024" s="278"/>
      <c r="D1024" s="300"/>
      <c r="E1024" s="111" t="s">
        <v>1420</v>
      </c>
    </row>
    <row r="1025" spans="1:5" ht="25.5" x14ac:dyDescent="0.25">
      <c r="A1025" s="276"/>
      <c r="B1025" s="277"/>
      <c r="C1025" s="278"/>
      <c r="D1025" s="300"/>
      <c r="E1025" s="111" t="s">
        <v>1432</v>
      </c>
    </row>
    <row r="1026" spans="1:5" ht="25.5" x14ac:dyDescent="0.25">
      <c r="A1026" s="276"/>
      <c r="B1026" s="277"/>
      <c r="C1026" s="278"/>
      <c r="D1026" s="300"/>
      <c r="E1026" s="111" t="s">
        <v>1519</v>
      </c>
    </row>
    <row r="1027" spans="1:5" ht="29.25" customHeight="1" x14ac:dyDescent="0.25">
      <c r="A1027" s="276"/>
      <c r="B1027" s="277"/>
      <c r="C1027" s="278"/>
      <c r="D1027" s="300"/>
      <c r="E1027" s="111" t="s">
        <v>1537</v>
      </c>
    </row>
    <row r="1028" spans="1:5" ht="59.25" customHeight="1" x14ac:dyDescent="0.25">
      <c r="A1028" s="276"/>
      <c r="B1028" s="277"/>
      <c r="C1028" s="278"/>
      <c r="D1028" s="300"/>
      <c r="E1028" s="111" t="s">
        <v>3579</v>
      </c>
    </row>
    <row r="1029" spans="1:5" x14ac:dyDescent="0.25">
      <c r="A1029" s="276"/>
      <c r="B1029" s="277"/>
      <c r="C1029" s="278"/>
      <c r="D1029" s="300"/>
      <c r="E1029" s="113"/>
    </row>
    <row r="1030" spans="1:5" x14ac:dyDescent="0.25">
      <c r="A1030" s="5"/>
      <c r="B1030" s="100"/>
      <c r="D1030" s="300"/>
      <c r="E1030" s="113"/>
    </row>
    <row r="1031" spans="1:5" x14ac:dyDescent="0.25">
      <c r="A1031" s="21"/>
      <c r="B1031" s="100"/>
      <c r="D1031" s="300"/>
      <c r="E1031" s="113"/>
    </row>
    <row r="1032" spans="1:5" x14ac:dyDescent="0.25">
      <c r="A1032" s="272" t="s">
        <v>1538</v>
      </c>
      <c r="B1032" s="272"/>
      <c r="D1032" s="300"/>
      <c r="E1032" s="113"/>
    </row>
    <row r="1033" spans="1:5" ht="25.5" x14ac:dyDescent="0.25">
      <c r="A1033" s="276" t="s">
        <v>1539</v>
      </c>
      <c r="B1033" s="277" t="s">
        <v>1540</v>
      </c>
      <c r="C1033" s="278" t="s">
        <v>1541</v>
      </c>
      <c r="D1033" s="300"/>
      <c r="E1033" s="111" t="s">
        <v>1509</v>
      </c>
    </row>
    <row r="1034" spans="1:5" ht="25.5" x14ac:dyDescent="0.25">
      <c r="A1034" s="276"/>
      <c r="B1034" s="277"/>
      <c r="C1034" s="278"/>
      <c r="D1034" s="300"/>
      <c r="E1034" s="111" t="s">
        <v>1542</v>
      </c>
    </row>
    <row r="1035" spans="1:5" x14ac:dyDescent="0.25">
      <c r="A1035" s="276"/>
      <c r="B1035" s="277"/>
      <c r="C1035" s="278"/>
      <c r="D1035" s="300"/>
      <c r="E1035" s="111" t="s">
        <v>1543</v>
      </c>
    </row>
    <row r="1036" spans="1:5" ht="25.5" x14ac:dyDescent="0.25">
      <c r="A1036" s="276"/>
      <c r="B1036" s="277"/>
      <c r="C1036" s="278"/>
      <c r="D1036" s="300"/>
      <c r="E1036" s="111" t="s">
        <v>1544</v>
      </c>
    </row>
    <row r="1037" spans="1:5" ht="26.25" customHeight="1" x14ac:dyDescent="0.25">
      <c r="A1037" s="276"/>
      <c r="B1037" s="277"/>
      <c r="C1037" s="278"/>
      <c r="D1037" s="300"/>
      <c r="E1037" s="111" t="s">
        <v>1545</v>
      </c>
    </row>
    <row r="1038" spans="1:5" x14ac:dyDescent="0.25">
      <c r="A1038" s="276"/>
      <c r="B1038" s="277"/>
      <c r="C1038" s="278"/>
      <c r="D1038" s="300"/>
      <c r="E1038" s="113"/>
    </row>
    <row r="1039" spans="1:5" x14ac:dyDescent="0.25">
      <c r="A1039" s="276" t="s">
        <v>1546</v>
      </c>
      <c r="B1039" s="277" t="s">
        <v>1547</v>
      </c>
      <c r="C1039" s="278" t="s">
        <v>1548</v>
      </c>
      <c r="D1039" s="300"/>
      <c r="E1039" s="280" t="s">
        <v>1549</v>
      </c>
    </row>
    <row r="1040" spans="1:5" x14ac:dyDescent="0.25">
      <c r="A1040" s="276"/>
      <c r="B1040" s="277"/>
      <c r="C1040" s="278"/>
      <c r="D1040" s="300"/>
      <c r="E1040" s="280"/>
    </row>
    <row r="1041" spans="1:5" ht="25.5" x14ac:dyDescent="0.25">
      <c r="A1041" s="276" t="s">
        <v>1550</v>
      </c>
      <c r="B1041" s="277" t="s">
        <v>1551</v>
      </c>
      <c r="C1041" s="278" t="s">
        <v>1552</v>
      </c>
      <c r="D1041" s="300"/>
      <c r="E1041" s="111" t="s">
        <v>3575</v>
      </c>
    </row>
    <row r="1042" spans="1:5" ht="25.5" x14ac:dyDescent="0.25">
      <c r="A1042" s="276"/>
      <c r="B1042" s="277"/>
      <c r="C1042" s="278"/>
      <c r="D1042" s="300"/>
      <c r="E1042" s="111" t="s">
        <v>1438</v>
      </c>
    </row>
    <row r="1043" spans="1:5" ht="25.5" x14ac:dyDescent="0.25">
      <c r="A1043" s="276"/>
      <c r="B1043" s="277"/>
      <c r="C1043" s="278"/>
      <c r="D1043" s="300"/>
      <c r="E1043" s="111" t="s">
        <v>3574</v>
      </c>
    </row>
    <row r="1044" spans="1:5" ht="25.5" x14ac:dyDescent="0.25">
      <c r="A1044" s="276"/>
      <c r="B1044" s="277"/>
      <c r="C1044" s="278"/>
      <c r="D1044" s="300"/>
      <c r="E1044" s="111" t="s">
        <v>1553</v>
      </c>
    </row>
    <row r="1045" spans="1:5" ht="25.5" x14ac:dyDescent="0.25">
      <c r="A1045" s="276"/>
      <c r="B1045" s="277"/>
      <c r="C1045" s="278"/>
      <c r="D1045" s="300"/>
      <c r="E1045" s="111" t="s">
        <v>3558</v>
      </c>
    </row>
    <row r="1046" spans="1:5" ht="30.75" customHeight="1" x14ac:dyDescent="0.25">
      <c r="A1046" s="276"/>
      <c r="B1046" s="277"/>
      <c r="C1046" s="278"/>
      <c r="D1046" s="300"/>
      <c r="E1046" s="113"/>
    </row>
    <row r="1047" spans="1:5" ht="45.75" customHeight="1" x14ac:dyDescent="0.25">
      <c r="A1047" s="276" t="s">
        <v>1554</v>
      </c>
      <c r="B1047" s="277" t="s">
        <v>1555</v>
      </c>
      <c r="C1047" s="278" t="s">
        <v>1556</v>
      </c>
      <c r="D1047" s="300"/>
      <c r="E1047" s="111" t="s">
        <v>1557</v>
      </c>
    </row>
    <row r="1048" spans="1:5" ht="26.25" customHeight="1" x14ac:dyDescent="0.25">
      <c r="A1048" s="276"/>
      <c r="B1048" s="277"/>
      <c r="C1048" s="278"/>
      <c r="D1048" s="300"/>
      <c r="E1048" s="111" t="s">
        <v>3178</v>
      </c>
    </row>
    <row r="1049" spans="1:5" ht="25.5" x14ac:dyDescent="0.25">
      <c r="A1049" s="276"/>
      <c r="B1049" s="277"/>
      <c r="C1049" s="278"/>
      <c r="D1049" s="300"/>
      <c r="E1049" s="111" t="s">
        <v>3553</v>
      </c>
    </row>
    <row r="1050" spans="1:5" ht="25.5" x14ac:dyDescent="0.25">
      <c r="A1050" s="276"/>
      <c r="B1050" s="277"/>
      <c r="C1050" s="278"/>
      <c r="D1050" s="300"/>
      <c r="E1050" s="111" t="s">
        <v>3179</v>
      </c>
    </row>
    <row r="1051" spans="1:5" ht="25.5" x14ac:dyDescent="0.25">
      <c r="A1051" s="276"/>
      <c r="B1051" s="277"/>
      <c r="C1051" s="278"/>
      <c r="D1051" s="300"/>
      <c r="E1051" s="111" t="s">
        <v>1558</v>
      </c>
    </row>
    <row r="1052" spans="1:5" ht="38.25" x14ac:dyDescent="0.25">
      <c r="A1052" s="276"/>
      <c r="B1052" s="277"/>
      <c r="C1052" s="278"/>
      <c r="D1052" s="300"/>
      <c r="E1052" s="111" t="s">
        <v>1559</v>
      </c>
    </row>
    <row r="1053" spans="1:5" ht="25.5" x14ac:dyDescent="0.25">
      <c r="A1053" s="276"/>
      <c r="B1053" s="277"/>
      <c r="C1053" s="278"/>
      <c r="D1053" s="300"/>
      <c r="E1053" s="111" t="s">
        <v>3578</v>
      </c>
    </row>
    <row r="1054" spans="1:5" ht="25.5" x14ac:dyDescent="0.25">
      <c r="A1054" s="276"/>
      <c r="B1054" s="277"/>
      <c r="C1054" s="278"/>
      <c r="D1054" s="300"/>
      <c r="E1054" s="111" t="s">
        <v>1560</v>
      </c>
    </row>
    <row r="1055" spans="1:5" x14ac:dyDescent="0.25">
      <c r="A1055" s="276"/>
      <c r="B1055" s="277"/>
      <c r="C1055" s="278"/>
      <c r="D1055" s="300"/>
      <c r="E1055" s="113"/>
    </row>
    <row r="1056" spans="1:5" ht="34.5" customHeight="1" x14ac:dyDescent="0.25">
      <c r="A1056" s="276" t="s">
        <v>1561</v>
      </c>
      <c r="B1056" s="277" t="s">
        <v>1562</v>
      </c>
      <c r="C1056" s="278" t="s">
        <v>1563</v>
      </c>
      <c r="D1056" s="300"/>
      <c r="E1056" s="111" t="s">
        <v>1564</v>
      </c>
    </row>
    <row r="1057" spans="1:5" ht="25.5" x14ac:dyDescent="0.25">
      <c r="A1057" s="276"/>
      <c r="B1057" s="277"/>
      <c r="C1057" s="278"/>
      <c r="D1057" s="300"/>
      <c r="E1057" s="111" t="s">
        <v>3573</v>
      </c>
    </row>
    <row r="1058" spans="1:5" ht="22.5" customHeight="1" x14ac:dyDescent="0.25">
      <c r="A1058" s="276"/>
      <c r="B1058" s="277"/>
      <c r="C1058" s="278"/>
      <c r="D1058" s="300"/>
      <c r="E1058" s="111" t="s">
        <v>3599</v>
      </c>
    </row>
    <row r="1059" spans="1:5" x14ac:dyDescent="0.25">
      <c r="A1059" s="276"/>
      <c r="B1059" s="277"/>
      <c r="C1059" s="278"/>
      <c r="D1059" s="300"/>
      <c r="E1059" s="113"/>
    </row>
    <row r="1060" spans="1:5" x14ac:dyDescent="0.25">
      <c r="A1060" s="276" t="s">
        <v>1565</v>
      </c>
      <c r="B1060" s="277" t="s">
        <v>1566</v>
      </c>
      <c r="C1060" s="278" t="s">
        <v>1567</v>
      </c>
      <c r="D1060" s="300"/>
      <c r="E1060" s="111" t="s">
        <v>1568</v>
      </c>
    </row>
    <row r="1061" spans="1:5" ht="25.5" x14ac:dyDescent="0.25">
      <c r="A1061" s="276"/>
      <c r="B1061" s="277"/>
      <c r="C1061" s="278"/>
      <c r="D1061" s="300"/>
      <c r="E1061" s="111" t="s">
        <v>1525</v>
      </c>
    </row>
    <row r="1062" spans="1:5" ht="38.25" x14ac:dyDescent="0.25">
      <c r="A1062" s="276"/>
      <c r="B1062" s="277"/>
      <c r="C1062" s="278"/>
      <c r="D1062" s="300"/>
      <c r="E1062" s="111" t="s">
        <v>1569</v>
      </c>
    </row>
    <row r="1063" spans="1:5" ht="25.5" x14ac:dyDescent="0.25">
      <c r="A1063" s="276"/>
      <c r="B1063" s="277"/>
      <c r="C1063" s="278"/>
      <c r="D1063" s="300"/>
      <c r="E1063" s="111" t="s">
        <v>1570</v>
      </c>
    </row>
    <row r="1064" spans="1:5" x14ac:dyDescent="0.25">
      <c r="A1064" s="276"/>
      <c r="B1064" s="277"/>
      <c r="C1064" s="278"/>
      <c r="D1064" s="300"/>
      <c r="E1064" s="113"/>
    </row>
    <row r="1065" spans="1:5" ht="25.5" x14ac:dyDescent="0.25">
      <c r="A1065" s="276" t="s">
        <v>1571</v>
      </c>
      <c r="B1065" s="277" t="s">
        <v>1572</v>
      </c>
      <c r="C1065" s="278" t="s">
        <v>1573</v>
      </c>
      <c r="D1065" s="300"/>
      <c r="E1065" s="111" t="s">
        <v>3569</v>
      </c>
    </row>
    <row r="1066" spans="1:5" ht="25.5" x14ac:dyDescent="0.25">
      <c r="A1066" s="276"/>
      <c r="B1066" s="277"/>
      <c r="C1066" s="278"/>
      <c r="D1066" s="300"/>
      <c r="E1066" s="111" t="s">
        <v>1574</v>
      </c>
    </row>
    <row r="1067" spans="1:5" ht="25.5" x14ac:dyDescent="0.25">
      <c r="A1067" s="276"/>
      <c r="B1067" s="277"/>
      <c r="C1067" s="278"/>
      <c r="D1067" s="300"/>
      <c r="E1067" s="111" t="s">
        <v>1575</v>
      </c>
    </row>
    <row r="1068" spans="1:5" ht="38.25" x14ac:dyDescent="0.25">
      <c r="A1068" s="276"/>
      <c r="B1068" s="277"/>
      <c r="C1068" s="278"/>
      <c r="D1068" s="300"/>
      <c r="E1068" s="111" t="s">
        <v>3570</v>
      </c>
    </row>
    <row r="1069" spans="1:5" ht="25.5" x14ac:dyDescent="0.25">
      <c r="A1069" s="276"/>
      <c r="B1069" s="277"/>
      <c r="C1069" s="278"/>
      <c r="D1069" s="300"/>
      <c r="E1069" s="111" t="s">
        <v>1576</v>
      </c>
    </row>
    <row r="1070" spans="1:5" x14ac:dyDescent="0.25">
      <c r="A1070" s="276"/>
      <c r="B1070" s="277"/>
      <c r="C1070" s="278"/>
      <c r="D1070" s="300"/>
      <c r="E1070" s="111" t="s">
        <v>1577</v>
      </c>
    </row>
    <row r="1071" spans="1:5" ht="38.25" x14ac:dyDescent="0.25">
      <c r="A1071" s="276"/>
      <c r="B1071" s="277"/>
      <c r="C1071" s="278"/>
      <c r="D1071" s="300"/>
      <c r="E1071" s="111" t="s">
        <v>1569</v>
      </c>
    </row>
    <row r="1072" spans="1:5" ht="25.5" x14ac:dyDescent="0.25">
      <c r="A1072" s="276"/>
      <c r="B1072" s="277"/>
      <c r="C1072" s="278"/>
      <c r="D1072" s="300"/>
      <c r="E1072" s="111" t="s">
        <v>1564</v>
      </c>
    </row>
    <row r="1073" spans="1:5" x14ac:dyDescent="0.25">
      <c r="A1073" s="276"/>
      <c r="B1073" s="277"/>
      <c r="C1073" s="278"/>
      <c r="D1073" s="300"/>
      <c r="E1073" s="113"/>
    </row>
    <row r="1074" spans="1:5" x14ac:dyDescent="0.25">
      <c r="A1074" s="276" t="s">
        <v>1578</v>
      </c>
      <c r="B1074" s="277" t="s">
        <v>1579</v>
      </c>
      <c r="C1074" s="278"/>
      <c r="D1074" s="300"/>
      <c r="E1074" s="280" t="s">
        <v>1525</v>
      </c>
    </row>
    <row r="1075" spans="1:5" x14ac:dyDescent="0.25">
      <c r="A1075" s="276"/>
      <c r="B1075" s="277"/>
      <c r="C1075" s="278"/>
      <c r="D1075" s="300"/>
      <c r="E1075" s="280"/>
    </row>
    <row r="1076" spans="1:5" ht="25.5" x14ac:dyDescent="0.25">
      <c r="A1076" s="276" t="s">
        <v>1580</v>
      </c>
      <c r="B1076" s="277" t="s">
        <v>1581</v>
      </c>
      <c r="C1076" s="278" t="s">
        <v>1582</v>
      </c>
      <c r="D1076" s="300"/>
      <c r="E1076" s="111" t="s">
        <v>1583</v>
      </c>
    </row>
    <row r="1077" spans="1:5" x14ac:dyDescent="0.25">
      <c r="A1077" s="276"/>
      <c r="B1077" s="277"/>
      <c r="C1077" s="278"/>
      <c r="D1077" s="300"/>
      <c r="E1077" s="111" t="s">
        <v>1584</v>
      </c>
    </row>
    <row r="1078" spans="1:5" x14ac:dyDescent="0.25">
      <c r="A1078" s="276"/>
      <c r="B1078" s="277"/>
      <c r="C1078" s="278"/>
      <c r="D1078" s="300"/>
      <c r="E1078" s="111" t="s">
        <v>1585</v>
      </c>
    </row>
    <row r="1079" spans="1:5" ht="25.5" x14ac:dyDescent="0.25">
      <c r="A1079" s="276"/>
      <c r="B1079" s="277"/>
      <c r="C1079" s="278"/>
      <c r="D1079" s="300"/>
      <c r="E1079" s="111" t="s">
        <v>3578</v>
      </c>
    </row>
    <row r="1080" spans="1:5" ht="25.5" x14ac:dyDescent="0.25">
      <c r="A1080" s="276"/>
      <c r="B1080" s="277"/>
      <c r="C1080" s="278"/>
      <c r="D1080" s="300"/>
      <c r="E1080" s="111" t="s">
        <v>1526</v>
      </c>
    </row>
    <row r="1081" spans="1:5" ht="25.5" x14ac:dyDescent="0.25">
      <c r="A1081" s="276"/>
      <c r="B1081" s="277"/>
      <c r="C1081" s="278"/>
      <c r="D1081" s="300"/>
      <c r="E1081" s="111" t="s">
        <v>3562</v>
      </c>
    </row>
    <row r="1082" spans="1:5" ht="25.5" x14ac:dyDescent="0.25">
      <c r="A1082" s="276"/>
      <c r="B1082" s="277"/>
      <c r="C1082" s="278"/>
      <c r="D1082" s="300"/>
      <c r="E1082" s="111" t="s">
        <v>1484</v>
      </c>
    </row>
    <row r="1083" spans="1:5" ht="25.5" x14ac:dyDescent="0.25">
      <c r="A1083" s="276"/>
      <c r="B1083" s="277"/>
      <c r="C1083" s="278"/>
      <c r="D1083" s="300"/>
      <c r="E1083" s="111" t="s">
        <v>1508</v>
      </c>
    </row>
    <row r="1084" spans="1:5" ht="25.5" x14ac:dyDescent="0.25">
      <c r="A1084" s="276"/>
      <c r="B1084" s="277"/>
      <c r="C1084" s="278"/>
      <c r="D1084" s="300"/>
      <c r="E1084" s="111" t="s">
        <v>1560</v>
      </c>
    </row>
    <row r="1085" spans="1:5" ht="25.5" x14ac:dyDescent="0.25">
      <c r="A1085" s="276"/>
      <c r="B1085" s="277"/>
      <c r="C1085" s="278"/>
      <c r="D1085" s="300"/>
      <c r="E1085" s="111" t="s">
        <v>1549</v>
      </c>
    </row>
    <row r="1086" spans="1:5" x14ac:dyDescent="0.25">
      <c r="A1086" s="276"/>
      <c r="B1086" s="277"/>
      <c r="C1086" s="278"/>
      <c r="D1086" s="300"/>
      <c r="E1086" s="113"/>
    </row>
    <row r="1087" spans="1:5" x14ac:dyDescent="0.25">
      <c r="A1087" s="21"/>
      <c r="B1087" s="100"/>
      <c r="D1087" s="300"/>
      <c r="E1087" s="113"/>
    </row>
    <row r="1088" spans="1:5" x14ac:dyDescent="0.25">
      <c r="A1088" s="272" t="s">
        <v>1586</v>
      </c>
      <c r="B1088" s="272"/>
      <c r="D1088" s="300"/>
      <c r="E1088" s="113"/>
    </row>
    <row r="1089" spans="1:5" x14ac:dyDescent="0.25">
      <c r="A1089" s="276" t="s">
        <v>1587</v>
      </c>
      <c r="B1089" s="277" t="s">
        <v>1588</v>
      </c>
      <c r="C1089" s="278" t="s">
        <v>1589</v>
      </c>
      <c r="D1089" s="300"/>
      <c r="E1089" s="111" t="s">
        <v>1590</v>
      </c>
    </row>
    <row r="1090" spans="1:5" ht="25.5" x14ac:dyDescent="0.25">
      <c r="A1090" s="276"/>
      <c r="B1090" s="277"/>
      <c r="C1090" s="278"/>
      <c r="D1090" s="300"/>
      <c r="E1090" s="111" t="s">
        <v>1591</v>
      </c>
    </row>
    <row r="1091" spans="1:5" x14ac:dyDescent="0.25">
      <c r="A1091" s="276"/>
      <c r="B1091" s="277"/>
      <c r="C1091" s="278"/>
      <c r="D1091" s="300"/>
      <c r="E1091" s="111" t="s">
        <v>1592</v>
      </c>
    </row>
    <row r="1092" spans="1:5" ht="59.25" customHeight="1" x14ac:dyDescent="0.25">
      <c r="A1092" s="276"/>
      <c r="B1092" s="277"/>
      <c r="C1092" s="278"/>
      <c r="D1092" s="300"/>
      <c r="E1092" s="111" t="s">
        <v>1593</v>
      </c>
    </row>
    <row r="1093" spans="1:5" ht="25.5" x14ac:dyDescent="0.25">
      <c r="A1093" s="276"/>
      <c r="B1093" s="277"/>
      <c r="C1093" s="278"/>
      <c r="D1093" s="300"/>
      <c r="E1093" s="111" t="s">
        <v>1594</v>
      </c>
    </row>
    <row r="1094" spans="1:5" ht="52.5" customHeight="1" x14ac:dyDescent="0.25">
      <c r="A1094" s="276"/>
      <c r="B1094" s="277"/>
      <c r="C1094" s="278"/>
      <c r="D1094" s="300"/>
      <c r="E1094" s="111" t="s">
        <v>3576</v>
      </c>
    </row>
    <row r="1095" spans="1:5" ht="25.5" x14ac:dyDescent="0.25">
      <c r="A1095" s="276"/>
      <c r="B1095" s="277"/>
      <c r="C1095" s="278"/>
      <c r="D1095" s="300"/>
      <c r="E1095" s="111" t="s">
        <v>3578</v>
      </c>
    </row>
    <row r="1096" spans="1:5" ht="38.25" x14ac:dyDescent="0.25">
      <c r="A1096" s="276"/>
      <c r="B1096" s="277"/>
      <c r="C1096" s="278"/>
      <c r="D1096" s="300"/>
      <c r="E1096" s="111" t="s">
        <v>1595</v>
      </c>
    </row>
    <row r="1097" spans="1:5" ht="25.5" x14ac:dyDescent="0.25">
      <c r="A1097" s="276"/>
      <c r="B1097" s="277"/>
      <c r="C1097" s="278"/>
      <c r="D1097" s="300"/>
      <c r="E1097" s="111" t="s">
        <v>1596</v>
      </c>
    </row>
    <row r="1098" spans="1:5" ht="25.5" x14ac:dyDescent="0.25">
      <c r="A1098" s="276"/>
      <c r="B1098" s="277"/>
      <c r="C1098" s="278"/>
      <c r="D1098" s="300"/>
      <c r="E1098" s="111" t="s">
        <v>1597</v>
      </c>
    </row>
    <row r="1099" spans="1:5" ht="25.5" x14ac:dyDescent="0.25">
      <c r="A1099" s="276"/>
      <c r="B1099" s="277"/>
      <c r="C1099" s="278"/>
      <c r="D1099" s="300"/>
      <c r="E1099" s="111" t="s">
        <v>3579</v>
      </c>
    </row>
    <row r="1100" spans="1:5" x14ac:dyDescent="0.25">
      <c r="A1100" s="276"/>
      <c r="B1100" s="277"/>
      <c r="C1100" s="278"/>
      <c r="D1100" s="300"/>
      <c r="E1100" s="111" t="s">
        <v>1598</v>
      </c>
    </row>
    <row r="1101" spans="1:5" x14ac:dyDescent="0.25">
      <c r="A1101" s="276"/>
      <c r="B1101" s="277"/>
      <c r="C1101" s="278"/>
      <c r="D1101" s="300"/>
      <c r="E1101" s="111" t="s">
        <v>1599</v>
      </c>
    </row>
    <row r="1102" spans="1:5" x14ac:dyDescent="0.25">
      <c r="A1102" s="5" t="s">
        <v>1600</v>
      </c>
      <c r="B1102" s="100" t="s">
        <v>1601</v>
      </c>
      <c r="D1102" s="300"/>
      <c r="E1102" s="113"/>
    </row>
    <row r="1103" spans="1:5" x14ac:dyDescent="0.25">
      <c r="A1103" s="276" t="s">
        <v>1602</v>
      </c>
      <c r="B1103" s="277" t="s">
        <v>1603</v>
      </c>
      <c r="C1103" s="278" t="s">
        <v>1604</v>
      </c>
      <c r="D1103" s="300"/>
      <c r="E1103" s="111" t="s">
        <v>1605</v>
      </c>
    </row>
    <row r="1104" spans="1:5" ht="38.25" x14ac:dyDescent="0.25">
      <c r="A1104" s="276"/>
      <c r="B1104" s="277"/>
      <c r="C1104" s="278"/>
      <c r="D1104" s="300"/>
      <c r="E1104" s="111" t="s">
        <v>3608</v>
      </c>
    </row>
    <row r="1105" spans="1:5" ht="25.5" x14ac:dyDescent="0.25">
      <c r="A1105" s="276"/>
      <c r="B1105" s="277"/>
      <c r="C1105" s="278"/>
      <c r="D1105" s="300"/>
      <c r="E1105" s="111" t="s">
        <v>1606</v>
      </c>
    </row>
    <row r="1106" spans="1:5" ht="75.75" customHeight="1" x14ac:dyDescent="0.25">
      <c r="A1106" s="276"/>
      <c r="B1106" s="277"/>
      <c r="C1106" s="278"/>
      <c r="D1106" s="300"/>
      <c r="E1106" s="111" t="s">
        <v>3608</v>
      </c>
    </row>
    <row r="1107" spans="1:5" ht="25.5" x14ac:dyDescent="0.25">
      <c r="A1107" s="276"/>
      <c r="B1107" s="277"/>
      <c r="C1107" s="278"/>
      <c r="D1107" s="300"/>
      <c r="E1107" s="111" t="s">
        <v>1476</v>
      </c>
    </row>
    <row r="1108" spans="1:5" ht="44.25" customHeight="1" x14ac:dyDescent="0.25">
      <c r="A1108" s="276"/>
      <c r="B1108" s="277"/>
      <c r="C1108" s="278"/>
      <c r="D1108" s="300"/>
      <c r="E1108" s="111" t="s">
        <v>1605</v>
      </c>
    </row>
    <row r="1109" spans="1:5" ht="25.5" x14ac:dyDescent="0.25">
      <c r="A1109" s="276"/>
      <c r="B1109" s="277"/>
      <c r="C1109" s="278"/>
      <c r="D1109" s="300"/>
      <c r="E1109" s="111" t="s">
        <v>1607</v>
      </c>
    </row>
    <row r="1110" spans="1:5" ht="52.5" customHeight="1" x14ac:dyDescent="0.25">
      <c r="A1110" s="276"/>
      <c r="B1110" s="277"/>
      <c r="C1110" s="278"/>
      <c r="D1110" s="300"/>
      <c r="E1110" s="113"/>
    </row>
    <row r="1111" spans="1:5" x14ac:dyDescent="0.25">
      <c r="A1111" s="276" t="s">
        <v>1608</v>
      </c>
      <c r="B1111" s="277" t="s">
        <v>1609</v>
      </c>
      <c r="C1111" s="278" t="s">
        <v>1610</v>
      </c>
      <c r="D1111" s="300"/>
      <c r="E1111" s="111" t="s">
        <v>1611</v>
      </c>
    </row>
    <row r="1112" spans="1:5" ht="25.5" x14ac:dyDescent="0.25">
      <c r="A1112" s="276"/>
      <c r="B1112" s="277"/>
      <c r="C1112" s="278"/>
      <c r="D1112" s="300"/>
      <c r="E1112" s="111" t="s">
        <v>1612</v>
      </c>
    </row>
    <row r="1113" spans="1:5" x14ac:dyDescent="0.25">
      <c r="A1113" s="276"/>
      <c r="B1113" s="277"/>
      <c r="C1113" s="278"/>
      <c r="D1113" s="300"/>
      <c r="E1113" s="111" t="s">
        <v>1613</v>
      </c>
    </row>
    <row r="1114" spans="1:5" ht="25.5" x14ac:dyDescent="0.25">
      <c r="A1114" s="276"/>
      <c r="B1114" s="277"/>
      <c r="C1114" s="278"/>
      <c r="D1114" s="300"/>
      <c r="E1114" s="111" t="s">
        <v>1614</v>
      </c>
    </row>
    <row r="1115" spans="1:5" ht="25.5" x14ac:dyDescent="0.25">
      <c r="A1115" s="276"/>
      <c r="B1115" s="277"/>
      <c r="C1115" s="278"/>
      <c r="D1115" s="300"/>
      <c r="E1115" s="111" t="s">
        <v>1513</v>
      </c>
    </row>
    <row r="1116" spans="1:5" x14ac:dyDescent="0.25">
      <c r="A1116" s="276"/>
      <c r="B1116" s="277"/>
      <c r="C1116" s="278"/>
      <c r="D1116" s="300"/>
      <c r="E1116" s="113"/>
    </row>
    <row r="1117" spans="1:5" x14ac:dyDescent="0.25">
      <c r="A1117" s="276" t="s">
        <v>1615</v>
      </c>
      <c r="B1117" s="277" t="s">
        <v>1616</v>
      </c>
      <c r="C1117" s="278" t="s">
        <v>1617</v>
      </c>
      <c r="D1117" s="300"/>
      <c r="E1117" s="280" t="s">
        <v>1495</v>
      </c>
    </row>
    <row r="1118" spans="1:5" ht="303" customHeight="1" x14ac:dyDescent="0.25">
      <c r="A1118" s="276"/>
      <c r="B1118" s="277"/>
      <c r="C1118" s="278"/>
      <c r="D1118" s="300"/>
      <c r="E1118" s="280"/>
    </row>
    <row r="1119" spans="1:5" x14ac:dyDescent="0.25">
      <c r="A1119" s="276" t="s">
        <v>1618</v>
      </c>
      <c r="B1119" s="277" t="s">
        <v>1619</v>
      </c>
      <c r="C1119" s="278" t="s">
        <v>1620</v>
      </c>
      <c r="D1119" s="300"/>
      <c r="E1119" s="280" t="s">
        <v>1621</v>
      </c>
    </row>
    <row r="1120" spans="1:5" x14ac:dyDescent="0.25">
      <c r="A1120" s="276"/>
      <c r="B1120" s="277"/>
      <c r="C1120" s="278"/>
      <c r="D1120" s="300"/>
      <c r="E1120" s="280"/>
    </row>
    <row r="1121" spans="1:5" ht="25.5" x14ac:dyDescent="0.25">
      <c r="A1121" s="276" t="s">
        <v>1622</v>
      </c>
      <c r="B1121" s="277" t="s">
        <v>1623</v>
      </c>
      <c r="C1121" s="278" t="s">
        <v>1624</v>
      </c>
      <c r="D1121" s="300"/>
      <c r="E1121" s="111" t="s">
        <v>1625</v>
      </c>
    </row>
    <row r="1122" spans="1:5" ht="38.25" x14ac:dyDescent="0.25">
      <c r="A1122" s="276"/>
      <c r="B1122" s="277"/>
      <c r="C1122" s="278"/>
      <c r="D1122" s="300"/>
      <c r="E1122" s="111" t="s">
        <v>3609</v>
      </c>
    </row>
    <row r="1123" spans="1:5" ht="38.25" x14ac:dyDescent="0.25">
      <c r="A1123" s="276"/>
      <c r="B1123" s="277"/>
      <c r="C1123" s="278"/>
      <c r="D1123" s="300"/>
      <c r="E1123" s="111" t="s">
        <v>1626</v>
      </c>
    </row>
    <row r="1124" spans="1:5" ht="38.25" x14ac:dyDescent="0.25">
      <c r="A1124" s="276"/>
      <c r="B1124" s="277"/>
      <c r="C1124" s="278"/>
      <c r="D1124" s="300"/>
      <c r="E1124" s="111" t="s">
        <v>1627</v>
      </c>
    </row>
    <row r="1125" spans="1:5" x14ac:dyDescent="0.25">
      <c r="A1125" s="276"/>
      <c r="B1125" s="277"/>
      <c r="C1125" s="278"/>
      <c r="D1125" s="300"/>
      <c r="E1125" s="113"/>
    </row>
    <row r="1126" spans="1:5" x14ac:dyDescent="0.25">
      <c r="A1126" s="5" t="s">
        <v>1628</v>
      </c>
      <c r="B1126" s="100" t="s">
        <v>1629</v>
      </c>
      <c r="D1126" s="300"/>
      <c r="E1126" s="113"/>
    </row>
    <row r="1127" spans="1:5" ht="26.25" customHeight="1" x14ac:dyDescent="0.25">
      <c r="A1127" s="5" t="s">
        <v>1630</v>
      </c>
      <c r="B1127" s="100" t="s">
        <v>1631</v>
      </c>
      <c r="D1127" s="300"/>
      <c r="E1127" s="113"/>
    </row>
    <row r="1128" spans="1:5" ht="127.5" x14ac:dyDescent="0.25">
      <c r="A1128" s="131" t="s">
        <v>1632</v>
      </c>
      <c r="B1128" s="132" t="s">
        <v>1633</v>
      </c>
      <c r="C1128" s="133"/>
      <c r="D1128" s="300"/>
      <c r="E1128" s="111" t="s">
        <v>3580</v>
      </c>
    </row>
    <row r="1129" spans="1:5" x14ac:dyDescent="0.25">
      <c r="A1129" s="272" t="s">
        <v>1634</v>
      </c>
      <c r="B1129" s="272"/>
      <c r="D1129" s="300"/>
      <c r="E1129" s="113"/>
    </row>
    <row r="1130" spans="1:5" ht="280.5" x14ac:dyDescent="0.25">
      <c r="A1130" s="131" t="s">
        <v>1635</v>
      </c>
      <c r="B1130" s="132" t="s">
        <v>3626</v>
      </c>
      <c r="C1130" s="133" t="s">
        <v>1636</v>
      </c>
      <c r="D1130" s="300"/>
      <c r="E1130" s="134" t="s">
        <v>3571</v>
      </c>
    </row>
    <row r="1131" spans="1:5" ht="25.5" x14ac:dyDescent="0.25">
      <c r="A1131" s="276" t="s">
        <v>1637</v>
      </c>
      <c r="B1131" s="277" t="s">
        <v>1638</v>
      </c>
      <c r="C1131" s="278" t="s">
        <v>1639</v>
      </c>
      <c r="D1131" s="300"/>
      <c r="E1131" s="111" t="s">
        <v>1326</v>
      </c>
    </row>
    <row r="1132" spans="1:5" ht="78.75" customHeight="1" x14ac:dyDescent="0.25">
      <c r="A1132" s="276"/>
      <c r="B1132" s="277"/>
      <c r="C1132" s="278"/>
      <c r="D1132" s="300"/>
      <c r="E1132" s="111" t="s">
        <v>1640</v>
      </c>
    </row>
    <row r="1133" spans="1:5" x14ac:dyDescent="0.25">
      <c r="A1133" s="276"/>
      <c r="B1133" s="277"/>
      <c r="C1133" s="278"/>
      <c r="D1133" s="300"/>
      <c r="E1133" s="111" t="s">
        <v>1471</v>
      </c>
    </row>
    <row r="1134" spans="1:5" ht="81.75" customHeight="1" x14ac:dyDescent="0.25">
      <c r="A1134" s="276"/>
      <c r="B1134" s="277"/>
      <c r="C1134" s="278"/>
      <c r="D1134" s="300"/>
      <c r="E1134" s="111" t="s">
        <v>1169</v>
      </c>
    </row>
    <row r="1135" spans="1:5" ht="25.5" x14ac:dyDescent="0.25">
      <c r="A1135" s="276"/>
      <c r="B1135" s="277"/>
      <c r="C1135" s="278"/>
      <c r="D1135" s="300"/>
      <c r="E1135" s="111" t="s">
        <v>1192</v>
      </c>
    </row>
    <row r="1136" spans="1:5" ht="25.5" x14ac:dyDescent="0.25">
      <c r="A1136" s="276"/>
      <c r="B1136" s="277"/>
      <c r="C1136" s="278"/>
      <c r="D1136" s="300"/>
      <c r="E1136" s="111" t="s">
        <v>1641</v>
      </c>
    </row>
    <row r="1137" spans="1:5" ht="25.5" x14ac:dyDescent="0.25">
      <c r="A1137" s="276"/>
      <c r="B1137" s="277"/>
      <c r="C1137" s="278"/>
      <c r="D1137" s="300"/>
      <c r="E1137" s="111" t="s">
        <v>1553</v>
      </c>
    </row>
    <row r="1138" spans="1:5" ht="25.5" x14ac:dyDescent="0.25">
      <c r="A1138" s="276"/>
      <c r="B1138" s="277"/>
      <c r="C1138" s="278"/>
      <c r="D1138" s="300"/>
      <c r="E1138" s="111" t="s">
        <v>1642</v>
      </c>
    </row>
    <row r="1139" spans="1:5" x14ac:dyDescent="0.25">
      <c r="A1139" s="276"/>
      <c r="B1139" s="277"/>
      <c r="C1139" s="278"/>
      <c r="D1139" s="300"/>
      <c r="E1139" s="111" t="s">
        <v>1643</v>
      </c>
    </row>
    <row r="1140" spans="1:5" x14ac:dyDescent="0.25">
      <c r="A1140" s="276"/>
      <c r="B1140" s="277"/>
      <c r="C1140" s="278"/>
      <c r="D1140" s="300"/>
      <c r="E1140" s="113"/>
    </row>
    <row r="1141" spans="1:5" ht="28.5" x14ac:dyDescent="0.25">
      <c r="A1141" s="5" t="s">
        <v>1644</v>
      </c>
      <c r="B1141" s="100" t="s">
        <v>1645</v>
      </c>
      <c r="C1141" s="4" t="s">
        <v>1646</v>
      </c>
      <c r="D1141" s="300"/>
      <c r="E1141" s="111" t="s">
        <v>1647</v>
      </c>
    </row>
    <row r="1142" spans="1:5" ht="25.5" x14ac:dyDescent="0.25">
      <c r="A1142" s="276" t="s">
        <v>1648</v>
      </c>
      <c r="B1142" s="277" t="s">
        <v>1649</v>
      </c>
      <c r="C1142" s="278" t="s">
        <v>1650</v>
      </c>
      <c r="D1142" s="300"/>
      <c r="E1142" s="111" t="s">
        <v>1651</v>
      </c>
    </row>
    <row r="1143" spans="1:5" ht="25.5" x14ac:dyDescent="0.25">
      <c r="A1143" s="276"/>
      <c r="B1143" s="277"/>
      <c r="C1143" s="278"/>
      <c r="D1143" s="300"/>
      <c r="E1143" s="111" t="s">
        <v>3563</v>
      </c>
    </row>
    <row r="1144" spans="1:5" x14ac:dyDescent="0.25">
      <c r="A1144" s="276"/>
      <c r="B1144" s="277"/>
      <c r="C1144" s="278"/>
      <c r="D1144" s="300"/>
      <c r="E1144" s="113"/>
    </row>
    <row r="1145" spans="1:5" ht="42.75" customHeight="1" x14ac:dyDescent="0.25">
      <c r="A1145" s="276" t="s">
        <v>1652</v>
      </c>
      <c r="B1145" s="277" t="s">
        <v>1653</v>
      </c>
      <c r="C1145" s="278" t="s">
        <v>1654</v>
      </c>
      <c r="D1145" s="300"/>
      <c r="E1145" s="280" t="s">
        <v>1537</v>
      </c>
    </row>
    <row r="1146" spans="1:5" ht="25.5" customHeight="1" x14ac:dyDescent="0.25">
      <c r="A1146" s="276"/>
      <c r="B1146" s="277"/>
      <c r="C1146" s="278"/>
      <c r="D1146" s="300"/>
      <c r="E1146" s="280"/>
    </row>
    <row r="1147" spans="1:5" x14ac:dyDescent="0.25">
      <c r="A1147" s="21"/>
      <c r="B1147" s="100"/>
      <c r="D1147" s="300"/>
      <c r="E1147" s="113"/>
    </row>
    <row r="1148" spans="1:5" x14ac:dyDescent="0.25">
      <c r="A1148" s="272" t="s">
        <v>1655</v>
      </c>
      <c r="B1148" s="272"/>
      <c r="D1148" s="300"/>
      <c r="E1148" s="113"/>
    </row>
    <row r="1149" spans="1:5" ht="92.25" customHeight="1" x14ac:dyDescent="0.25">
      <c r="A1149" s="276" t="s">
        <v>1656</v>
      </c>
      <c r="B1149" s="277" t="s">
        <v>1657</v>
      </c>
      <c r="C1149" s="278" t="s">
        <v>1658</v>
      </c>
      <c r="D1149" s="300"/>
      <c r="E1149" s="111" t="s">
        <v>1464</v>
      </c>
    </row>
    <row r="1150" spans="1:5" ht="38.25" x14ac:dyDescent="0.25">
      <c r="A1150" s="276"/>
      <c r="B1150" s="277"/>
      <c r="C1150" s="278"/>
      <c r="D1150" s="300"/>
      <c r="E1150" s="111" t="s">
        <v>3552</v>
      </c>
    </row>
    <row r="1151" spans="1:5" ht="25.5" x14ac:dyDescent="0.25">
      <c r="A1151" s="276"/>
      <c r="B1151" s="277"/>
      <c r="C1151" s="278"/>
      <c r="D1151" s="300"/>
      <c r="E1151" s="111" t="s">
        <v>1432</v>
      </c>
    </row>
    <row r="1152" spans="1:5" ht="25.5" x14ac:dyDescent="0.25">
      <c r="A1152" s="276"/>
      <c r="B1152" s="277"/>
      <c r="C1152" s="278"/>
      <c r="D1152" s="300"/>
      <c r="E1152" s="111" t="s">
        <v>1465</v>
      </c>
    </row>
    <row r="1153" spans="1:5" ht="25.5" x14ac:dyDescent="0.25">
      <c r="A1153" s="276"/>
      <c r="B1153" s="277"/>
      <c r="C1153" s="278"/>
      <c r="D1153" s="300"/>
      <c r="E1153" s="111" t="s">
        <v>1537</v>
      </c>
    </row>
    <row r="1154" spans="1:5" ht="25.5" x14ac:dyDescent="0.25">
      <c r="A1154" s="276"/>
      <c r="B1154" s="277"/>
      <c r="C1154" s="278"/>
      <c r="D1154" s="300"/>
      <c r="E1154" s="111" t="s">
        <v>3583</v>
      </c>
    </row>
    <row r="1155" spans="1:5" x14ac:dyDescent="0.25">
      <c r="A1155" s="276"/>
      <c r="B1155" s="277"/>
      <c r="C1155" s="278"/>
      <c r="D1155" s="300"/>
      <c r="E1155" s="113"/>
    </row>
    <row r="1156" spans="1:5" x14ac:dyDescent="0.25">
      <c r="A1156" s="276" t="s">
        <v>1659</v>
      </c>
      <c r="B1156" s="277" t="s">
        <v>1660</v>
      </c>
      <c r="C1156" s="278" t="s">
        <v>1661</v>
      </c>
      <c r="D1156" s="300"/>
      <c r="E1156" s="280" t="s">
        <v>1662</v>
      </c>
    </row>
    <row r="1157" spans="1:5" x14ac:dyDescent="0.25">
      <c r="A1157" s="276"/>
      <c r="B1157" s="277"/>
      <c r="C1157" s="278"/>
      <c r="D1157" s="300"/>
      <c r="E1157" s="280"/>
    </row>
    <row r="1158" spans="1:5" x14ac:dyDescent="0.25">
      <c r="A1158" s="276" t="s">
        <v>1663</v>
      </c>
      <c r="B1158" s="277" t="s">
        <v>1664</v>
      </c>
      <c r="C1158" s="278" t="s">
        <v>1665</v>
      </c>
      <c r="D1158" s="300"/>
      <c r="E1158" s="111" t="s">
        <v>3585</v>
      </c>
    </row>
    <row r="1159" spans="1:5" ht="25.5" x14ac:dyDescent="0.25">
      <c r="A1159" s="276"/>
      <c r="B1159" s="277"/>
      <c r="C1159" s="278"/>
      <c r="D1159" s="300"/>
      <c r="E1159" s="111" t="s">
        <v>1621</v>
      </c>
    </row>
    <row r="1160" spans="1:5" ht="25.5" x14ac:dyDescent="0.25">
      <c r="A1160" s="276"/>
      <c r="B1160" s="277"/>
      <c r="C1160" s="278"/>
      <c r="D1160" s="300"/>
      <c r="E1160" s="111" t="s">
        <v>1312</v>
      </c>
    </row>
    <row r="1161" spans="1:5" x14ac:dyDescent="0.25">
      <c r="A1161" s="276"/>
      <c r="B1161" s="277"/>
      <c r="C1161" s="278"/>
      <c r="D1161" s="300"/>
      <c r="E1161" s="113"/>
    </row>
    <row r="1162" spans="1:5" ht="25.5" x14ac:dyDescent="0.25">
      <c r="A1162" s="276" t="s">
        <v>1666</v>
      </c>
      <c r="B1162" s="277" t="s">
        <v>1667</v>
      </c>
      <c r="C1162" s="278"/>
      <c r="D1162" s="300"/>
      <c r="E1162" s="111" t="s">
        <v>3586</v>
      </c>
    </row>
    <row r="1163" spans="1:5" ht="25.5" x14ac:dyDescent="0.25">
      <c r="A1163" s="276"/>
      <c r="B1163" s="277"/>
      <c r="C1163" s="278"/>
      <c r="D1163" s="300"/>
      <c r="E1163" s="111" t="s">
        <v>1236</v>
      </c>
    </row>
    <row r="1164" spans="1:5" ht="25.5" x14ac:dyDescent="0.25">
      <c r="A1164" s="276"/>
      <c r="B1164" s="277"/>
      <c r="C1164" s="278"/>
      <c r="D1164" s="300"/>
      <c r="E1164" s="111" t="s">
        <v>1169</v>
      </c>
    </row>
    <row r="1165" spans="1:5" x14ac:dyDescent="0.25">
      <c r="A1165" s="276"/>
      <c r="B1165" s="277"/>
      <c r="C1165" s="278"/>
      <c r="D1165" s="300"/>
      <c r="E1165" s="113"/>
    </row>
    <row r="1166" spans="1:5" ht="25.5" x14ac:dyDescent="0.25">
      <c r="A1166" s="276" t="s">
        <v>1668</v>
      </c>
      <c r="B1166" s="277" t="s">
        <v>1669</v>
      </c>
      <c r="C1166" s="278"/>
      <c r="D1166" s="300"/>
      <c r="E1166" s="111" t="s">
        <v>3582</v>
      </c>
    </row>
    <row r="1167" spans="1:5" ht="25.5" x14ac:dyDescent="0.25">
      <c r="A1167" s="276"/>
      <c r="B1167" s="277"/>
      <c r="C1167" s="278"/>
      <c r="D1167" s="300"/>
      <c r="E1167" s="111" t="s">
        <v>1337</v>
      </c>
    </row>
    <row r="1168" spans="1:5" x14ac:dyDescent="0.25">
      <c r="A1168" s="276"/>
      <c r="B1168" s="277"/>
      <c r="C1168" s="278"/>
      <c r="D1168" s="300"/>
      <c r="E1168" s="113"/>
    </row>
    <row r="1169" spans="1:5" ht="39" customHeight="1" x14ac:dyDescent="0.25">
      <c r="A1169" s="5" t="s">
        <v>1670</v>
      </c>
      <c r="B1169" s="100" t="s">
        <v>1671</v>
      </c>
      <c r="D1169" s="300"/>
      <c r="E1169" s="113"/>
    </row>
    <row r="1170" spans="1:5" ht="39" customHeight="1" x14ac:dyDescent="0.25">
      <c r="A1170" s="5" t="s">
        <v>1672</v>
      </c>
      <c r="B1170" s="100" t="s">
        <v>1673</v>
      </c>
      <c r="D1170" s="300"/>
      <c r="E1170" s="113"/>
    </row>
    <row r="1171" spans="1:5" ht="25.5" x14ac:dyDescent="0.25">
      <c r="A1171" s="276" t="s">
        <v>1674</v>
      </c>
      <c r="B1171" s="277" t="s">
        <v>1675</v>
      </c>
      <c r="C1171" s="278" t="s">
        <v>1676</v>
      </c>
      <c r="D1171" s="300"/>
      <c r="E1171" s="111" t="s">
        <v>1337</v>
      </c>
    </row>
    <row r="1172" spans="1:5" ht="25.5" x14ac:dyDescent="0.25">
      <c r="A1172" s="276"/>
      <c r="B1172" s="277"/>
      <c r="C1172" s="278"/>
      <c r="D1172" s="300"/>
      <c r="E1172" s="111" t="s">
        <v>1114</v>
      </c>
    </row>
    <row r="1173" spans="1:5" x14ac:dyDescent="0.25">
      <c r="A1173" s="276"/>
      <c r="B1173" s="277"/>
      <c r="C1173" s="278"/>
      <c r="D1173" s="300"/>
      <c r="E1173" s="111" t="s">
        <v>1115</v>
      </c>
    </row>
    <row r="1174" spans="1:5" x14ac:dyDescent="0.25">
      <c r="A1174" s="276"/>
      <c r="B1174" s="277"/>
      <c r="C1174" s="278"/>
      <c r="D1174" s="300"/>
      <c r="E1174" s="111" t="s">
        <v>1677</v>
      </c>
    </row>
    <row r="1175" spans="1:5" x14ac:dyDescent="0.25">
      <c r="A1175" s="276"/>
      <c r="B1175" s="277"/>
      <c r="C1175" s="278"/>
      <c r="D1175" s="300"/>
      <c r="E1175" s="111" t="s">
        <v>1678</v>
      </c>
    </row>
    <row r="1176" spans="1:5" ht="25.5" customHeight="1" x14ac:dyDescent="0.25">
      <c r="A1176" s="276"/>
      <c r="B1176" s="277"/>
      <c r="C1176" s="278"/>
      <c r="D1176" s="300"/>
      <c r="E1176" s="111" t="s">
        <v>1325</v>
      </c>
    </row>
    <row r="1177" spans="1:5" ht="25.5" x14ac:dyDescent="0.25">
      <c r="A1177" s="276"/>
      <c r="B1177" s="277"/>
      <c r="C1177" s="278"/>
      <c r="D1177" s="300"/>
      <c r="E1177" s="111" t="s">
        <v>1331</v>
      </c>
    </row>
    <row r="1178" spans="1:5" ht="25.5" x14ac:dyDescent="0.25">
      <c r="A1178" s="276"/>
      <c r="B1178" s="277"/>
      <c r="C1178" s="278"/>
      <c r="D1178" s="300"/>
      <c r="E1178" s="111" t="s">
        <v>1129</v>
      </c>
    </row>
    <row r="1179" spans="1:5" ht="25.5" x14ac:dyDescent="0.25">
      <c r="A1179" s="276"/>
      <c r="B1179" s="277"/>
      <c r="C1179" s="278"/>
      <c r="D1179" s="300"/>
      <c r="E1179" s="111" t="s">
        <v>1236</v>
      </c>
    </row>
    <row r="1180" spans="1:5" ht="25.5" x14ac:dyDescent="0.25">
      <c r="A1180" s="276"/>
      <c r="B1180" s="277"/>
      <c r="C1180" s="278"/>
      <c r="D1180" s="300"/>
      <c r="E1180" s="111" t="s">
        <v>1325</v>
      </c>
    </row>
    <row r="1181" spans="1:5" ht="38.25" x14ac:dyDescent="0.25">
      <c r="A1181" s="276"/>
      <c r="B1181" s="277"/>
      <c r="C1181" s="278"/>
      <c r="D1181" s="300"/>
      <c r="E1181" s="111" t="s">
        <v>3552</v>
      </c>
    </row>
    <row r="1182" spans="1:5" ht="25.5" x14ac:dyDescent="0.25">
      <c r="A1182" s="276"/>
      <c r="B1182" s="277"/>
      <c r="C1182" s="278"/>
      <c r="D1182" s="300"/>
      <c r="E1182" s="111" t="s">
        <v>3553</v>
      </c>
    </row>
    <row r="1183" spans="1:5" ht="51.75" customHeight="1" x14ac:dyDescent="0.25">
      <c r="A1183" s="276"/>
      <c r="B1183" s="277"/>
      <c r="C1183" s="278"/>
      <c r="D1183" s="300"/>
      <c r="E1183" s="111" t="s">
        <v>1463</v>
      </c>
    </row>
    <row r="1184" spans="1:5" ht="25.5" x14ac:dyDescent="0.25">
      <c r="A1184" s="276"/>
      <c r="B1184" s="277"/>
      <c r="C1184" s="278"/>
      <c r="D1184" s="300"/>
      <c r="E1184" s="111" t="s">
        <v>3562</v>
      </c>
    </row>
    <row r="1185" spans="1:5" ht="25.5" x14ac:dyDescent="0.25">
      <c r="A1185" s="276"/>
      <c r="B1185" s="277"/>
      <c r="C1185" s="278"/>
      <c r="D1185" s="300"/>
      <c r="E1185" s="111" t="s">
        <v>1558</v>
      </c>
    </row>
    <row r="1186" spans="1:5" ht="25.5" x14ac:dyDescent="0.25">
      <c r="A1186" s="276"/>
      <c r="B1186" s="277"/>
      <c r="C1186" s="278"/>
      <c r="D1186" s="300"/>
      <c r="E1186" s="111" t="s">
        <v>3574</v>
      </c>
    </row>
    <row r="1187" spans="1:5" ht="26.25" customHeight="1" x14ac:dyDescent="0.25">
      <c r="A1187" s="276"/>
      <c r="B1187" s="277"/>
      <c r="C1187" s="278"/>
      <c r="D1187" s="300"/>
      <c r="E1187" s="111" t="s">
        <v>1169</v>
      </c>
    </row>
    <row r="1188" spans="1:5" ht="14.25" customHeight="1" x14ac:dyDescent="0.25">
      <c r="A1188" s="276"/>
      <c r="B1188" s="277"/>
      <c r="C1188" s="278"/>
      <c r="D1188" s="300"/>
      <c r="E1188" s="111" t="s">
        <v>3585</v>
      </c>
    </row>
    <row r="1189" spans="1:5" ht="25.5" x14ac:dyDescent="0.25">
      <c r="A1189" s="276"/>
      <c r="B1189" s="277"/>
      <c r="C1189" s="278"/>
      <c r="D1189" s="300"/>
      <c r="E1189" s="111" t="s">
        <v>1553</v>
      </c>
    </row>
    <row r="1190" spans="1:5" ht="41.25" customHeight="1" x14ac:dyDescent="0.25">
      <c r="A1190" s="276"/>
      <c r="B1190" s="277"/>
      <c r="C1190" s="278"/>
      <c r="D1190" s="300"/>
      <c r="E1190" s="113"/>
    </row>
    <row r="1191" spans="1:5" x14ac:dyDescent="0.25">
      <c r="A1191" s="48"/>
      <c r="B1191" s="106"/>
      <c r="C1191" s="49"/>
      <c r="D1191" s="300"/>
      <c r="E1191" s="113"/>
    </row>
    <row r="1192" spans="1:5" x14ac:dyDescent="0.25">
      <c r="A1192" s="272" t="s">
        <v>1719</v>
      </c>
      <c r="B1192" s="272"/>
      <c r="D1192" s="67"/>
      <c r="E1192" s="57"/>
    </row>
    <row r="1193" spans="1:5" x14ac:dyDescent="0.25">
      <c r="A1193" s="276" t="s">
        <v>1720</v>
      </c>
      <c r="B1193" s="277" t="s">
        <v>1721</v>
      </c>
      <c r="C1193" s="278" t="s">
        <v>1722</v>
      </c>
      <c r="D1193" s="68"/>
      <c r="E1193" s="113"/>
    </row>
    <row r="1194" spans="1:5" ht="25.5" x14ac:dyDescent="0.25">
      <c r="A1194" s="276"/>
      <c r="B1194" s="277"/>
      <c r="C1194" s="278"/>
      <c r="D1194" s="62" t="s">
        <v>22</v>
      </c>
      <c r="E1194" s="111" t="s">
        <v>3598</v>
      </c>
    </row>
    <row r="1195" spans="1:5" ht="48" customHeight="1" x14ac:dyDescent="0.25">
      <c r="A1195" s="276"/>
      <c r="B1195" s="277"/>
      <c r="C1195" s="278"/>
      <c r="D1195" s="68"/>
      <c r="E1195" s="111" t="s">
        <v>1723</v>
      </c>
    </row>
    <row r="1196" spans="1:5" x14ac:dyDescent="0.25">
      <c r="A1196" s="276" t="s">
        <v>1724</v>
      </c>
      <c r="B1196" s="277" t="s">
        <v>1725</v>
      </c>
      <c r="C1196" s="278" t="s">
        <v>1726</v>
      </c>
      <c r="D1196" s="68"/>
      <c r="E1196" s="113"/>
    </row>
    <row r="1197" spans="1:5" ht="25.5" x14ac:dyDescent="0.25">
      <c r="A1197" s="276"/>
      <c r="B1197" s="277"/>
      <c r="C1197" s="278"/>
      <c r="D1197" s="62" t="s">
        <v>22</v>
      </c>
      <c r="E1197" s="111" t="s">
        <v>1727</v>
      </c>
    </row>
    <row r="1198" spans="1:5" ht="25.5" x14ac:dyDescent="0.25">
      <c r="A1198" s="276"/>
      <c r="B1198" s="277"/>
      <c r="C1198" s="278"/>
      <c r="D1198" s="68"/>
      <c r="E1198" s="111" t="s">
        <v>1728</v>
      </c>
    </row>
    <row r="1199" spans="1:5" ht="5.25" customHeight="1" x14ac:dyDescent="0.25">
      <c r="A1199" s="276"/>
      <c r="B1199" s="277"/>
      <c r="C1199" s="278"/>
      <c r="D1199" s="68"/>
      <c r="E1199" s="111" t="s">
        <v>1729</v>
      </c>
    </row>
    <row r="1200" spans="1:5" x14ac:dyDescent="0.25">
      <c r="A1200" s="276" t="s">
        <v>1730</v>
      </c>
      <c r="B1200" s="277" t="s">
        <v>1731</v>
      </c>
      <c r="C1200" s="278" t="s">
        <v>1732</v>
      </c>
      <c r="D1200" s="68"/>
      <c r="E1200" s="113"/>
    </row>
    <row r="1201" spans="1:5" ht="28.5" customHeight="1" x14ac:dyDescent="0.25">
      <c r="A1201" s="276"/>
      <c r="B1201" s="277"/>
      <c r="C1201" s="278"/>
      <c r="D1201" s="62" t="s">
        <v>22</v>
      </c>
      <c r="E1201" s="280" t="s">
        <v>1718</v>
      </c>
    </row>
    <row r="1202" spans="1:5" ht="28.5" x14ac:dyDescent="0.25">
      <c r="A1202" s="40" t="s">
        <v>1679</v>
      </c>
      <c r="B1202" s="107" t="s">
        <v>1680</v>
      </c>
      <c r="D1202" s="68"/>
      <c r="E1202" s="280"/>
    </row>
    <row r="1203" spans="1:5" x14ac:dyDescent="0.25">
      <c r="A1203" s="42"/>
      <c r="B1203" s="104"/>
      <c r="C1203" s="43"/>
      <c r="D1203" s="69"/>
      <c r="E1203" s="55"/>
    </row>
    <row r="1204" spans="1:5" x14ac:dyDescent="0.25">
      <c r="A1204" s="272" t="s">
        <v>1681</v>
      </c>
      <c r="B1204" s="272"/>
      <c r="D1204" s="70"/>
      <c r="E1204" s="113"/>
    </row>
    <row r="1205" spans="1:5" x14ac:dyDescent="0.25">
      <c r="A1205" s="276" t="s">
        <v>1682</v>
      </c>
      <c r="B1205" s="277" t="s">
        <v>1683</v>
      </c>
      <c r="C1205" s="278" t="s">
        <v>1684</v>
      </c>
      <c r="D1205" s="62" t="s">
        <v>22</v>
      </c>
      <c r="E1205" s="111" t="s">
        <v>3180</v>
      </c>
    </row>
    <row r="1206" spans="1:5" x14ac:dyDescent="0.25">
      <c r="A1206" s="276"/>
      <c r="B1206" s="277"/>
      <c r="C1206" s="278"/>
      <c r="D1206" s="68"/>
      <c r="E1206" s="111" t="s">
        <v>1685</v>
      </c>
    </row>
    <row r="1207" spans="1:5" x14ac:dyDescent="0.25">
      <c r="A1207" s="276"/>
      <c r="B1207" s="277"/>
      <c r="C1207" s="278"/>
      <c r="D1207" s="68"/>
      <c r="E1207" s="113"/>
    </row>
    <row r="1208" spans="1:5" x14ac:dyDescent="0.25">
      <c r="A1208" s="21"/>
      <c r="B1208" s="100"/>
      <c r="D1208" s="70"/>
      <c r="E1208" s="113"/>
    </row>
    <row r="1209" spans="1:5" x14ac:dyDescent="0.25">
      <c r="A1209" s="272" t="s">
        <v>1686</v>
      </c>
      <c r="B1209" s="272"/>
      <c r="D1209" s="68"/>
      <c r="E1209" s="113"/>
    </row>
    <row r="1210" spans="1:5" ht="25.5" x14ac:dyDescent="0.25">
      <c r="A1210" s="276" t="s">
        <v>1687</v>
      </c>
      <c r="B1210" s="277" t="s">
        <v>1688</v>
      </c>
      <c r="C1210" s="278" t="s">
        <v>1689</v>
      </c>
      <c r="D1210" s="62" t="s">
        <v>22</v>
      </c>
      <c r="E1210" s="111" t="s">
        <v>1690</v>
      </c>
    </row>
    <row r="1211" spans="1:5" ht="95.25" customHeight="1" x14ac:dyDescent="0.25">
      <c r="A1211" s="276"/>
      <c r="B1211" s="277"/>
      <c r="C1211" s="278"/>
      <c r="D1211" s="68"/>
      <c r="E1211" s="111" t="s">
        <v>1691</v>
      </c>
    </row>
    <row r="1212" spans="1:5" x14ac:dyDescent="0.25">
      <c r="A1212" s="276"/>
      <c r="B1212" s="277"/>
      <c r="C1212" s="278"/>
      <c r="D1212" s="68"/>
      <c r="E1212" s="111" t="s">
        <v>1692</v>
      </c>
    </row>
    <row r="1213" spans="1:5" ht="25.5" x14ac:dyDescent="0.25">
      <c r="A1213" s="276"/>
      <c r="B1213" s="277"/>
      <c r="C1213" s="278"/>
      <c r="D1213" s="68"/>
      <c r="E1213" s="111" t="s">
        <v>1693</v>
      </c>
    </row>
    <row r="1214" spans="1:5" ht="47.25" customHeight="1" x14ac:dyDescent="0.25">
      <c r="A1214" s="276"/>
      <c r="B1214" s="277"/>
      <c r="C1214" s="278"/>
      <c r="D1214" s="68"/>
      <c r="E1214" s="111" t="s">
        <v>1694</v>
      </c>
    </row>
    <row r="1215" spans="1:5" ht="25.5" x14ac:dyDescent="0.25">
      <c r="A1215" s="276"/>
      <c r="B1215" s="277"/>
      <c r="C1215" s="278"/>
      <c r="D1215" s="68"/>
      <c r="E1215" s="111" t="s">
        <v>1695</v>
      </c>
    </row>
    <row r="1216" spans="1:5" ht="70.5" customHeight="1" x14ac:dyDescent="0.25">
      <c r="A1216" s="276"/>
      <c r="B1216" s="277"/>
      <c r="C1216" s="278"/>
      <c r="D1216" s="68"/>
      <c r="E1216" s="111" t="s">
        <v>1696</v>
      </c>
    </row>
    <row r="1217" spans="1:5" ht="25.5" x14ac:dyDescent="0.25">
      <c r="A1217" s="276"/>
      <c r="B1217" s="277"/>
      <c r="C1217" s="278"/>
      <c r="D1217" s="68"/>
      <c r="E1217" s="111" t="s">
        <v>1697</v>
      </c>
    </row>
    <row r="1218" spans="1:5" ht="49.5" customHeight="1" x14ac:dyDescent="0.25">
      <c r="A1218" s="276"/>
      <c r="B1218" s="277"/>
      <c r="C1218" s="278"/>
      <c r="D1218" s="68"/>
      <c r="E1218" s="111" t="s">
        <v>1698</v>
      </c>
    </row>
    <row r="1219" spans="1:5" ht="25.5" x14ac:dyDescent="0.25">
      <c r="A1219" s="276"/>
      <c r="B1219" s="277"/>
      <c r="C1219" s="278"/>
      <c r="D1219" s="68"/>
      <c r="E1219" s="111" t="s">
        <v>1699</v>
      </c>
    </row>
    <row r="1220" spans="1:5" x14ac:dyDescent="0.25">
      <c r="A1220" s="276"/>
      <c r="B1220" s="277"/>
      <c r="C1220" s="278"/>
      <c r="D1220" s="68"/>
      <c r="E1220" s="111" t="s">
        <v>1700</v>
      </c>
    </row>
    <row r="1221" spans="1:5" x14ac:dyDescent="0.25">
      <c r="A1221" s="276"/>
      <c r="B1221" s="277"/>
      <c r="C1221" s="278"/>
      <c r="D1221" s="68"/>
      <c r="E1221" s="113"/>
    </row>
    <row r="1222" spans="1:5" x14ac:dyDescent="0.25">
      <c r="A1222" s="276" t="s">
        <v>1701</v>
      </c>
      <c r="B1222" s="277" t="s">
        <v>1702</v>
      </c>
      <c r="C1222" s="278" t="s">
        <v>1703</v>
      </c>
      <c r="D1222" s="68"/>
      <c r="E1222" s="280" t="s">
        <v>1704</v>
      </c>
    </row>
    <row r="1223" spans="1:5" x14ac:dyDescent="0.25">
      <c r="A1223" s="276"/>
      <c r="B1223" s="277"/>
      <c r="C1223" s="278"/>
      <c r="D1223" s="62" t="s">
        <v>22</v>
      </c>
      <c r="E1223" s="280"/>
    </row>
    <row r="1224" spans="1:5" ht="33.75" customHeight="1" x14ac:dyDescent="0.25">
      <c r="A1224" s="276" t="s">
        <v>1705</v>
      </c>
      <c r="B1224" s="277" t="s">
        <v>1706</v>
      </c>
      <c r="C1224" s="278" t="s">
        <v>1707</v>
      </c>
      <c r="D1224" s="62" t="s">
        <v>22</v>
      </c>
      <c r="E1224" s="111" t="s">
        <v>1708</v>
      </c>
    </row>
    <row r="1225" spans="1:5" x14ac:dyDescent="0.25">
      <c r="A1225" s="276"/>
      <c r="B1225" s="277"/>
      <c r="C1225" s="278"/>
      <c r="D1225" s="68"/>
      <c r="E1225" s="111" t="s">
        <v>1709</v>
      </c>
    </row>
    <row r="1226" spans="1:5" x14ac:dyDescent="0.25">
      <c r="A1226" s="276"/>
      <c r="B1226" s="277"/>
      <c r="C1226" s="278"/>
      <c r="D1226" s="68"/>
      <c r="E1226" s="113"/>
    </row>
    <row r="1227" spans="1:5" x14ac:dyDescent="0.25">
      <c r="A1227" s="276" t="s">
        <v>1710</v>
      </c>
      <c r="B1227" s="277" t="s">
        <v>1711</v>
      </c>
      <c r="C1227" s="278" t="s">
        <v>1712</v>
      </c>
      <c r="D1227" s="62" t="s">
        <v>22</v>
      </c>
      <c r="E1227" s="280" t="s">
        <v>1709</v>
      </c>
    </row>
    <row r="1228" spans="1:5" ht="76.5" customHeight="1" x14ac:dyDescent="0.25">
      <c r="A1228" s="276"/>
      <c r="B1228" s="277"/>
      <c r="C1228" s="278"/>
      <c r="D1228" s="68"/>
      <c r="E1228" s="280"/>
    </row>
    <row r="1229" spans="1:5" x14ac:dyDescent="0.25">
      <c r="A1229" s="276" t="s">
        <v>1713</v>
      </c>
      <c r="B1229" s="277" t="s">
        <v>1714</v>
      </c>
      <c r="C1229" s="278" t="s">
        <v>1715</v>
      </c>
      <c r="D1229" s="62" t="s">
        <v>22</v>
      </c>
      <c r="E1229" s="280" t="s">
        <v>1697</v>
      </c>
    </row>
    <row r="1230" spans="1:5" ht="76.5" customHeight="1" x14ac:dyDescent="0.25">
      <c r="A1230" s="276"/>
      <c r="B1230" s="277"/>
      <c r="C1230" s="278"/>
      <c r="D1230" s="68"/>
      <c r="E1230" s="280"/>
    </row>
    <row r="1231" spans="1:5" x14ac:dyDescent="0.25">
      <c r="A1231" s="276" t="s">
        <v>1716</v>
      </c>
      <c r="B1231" s="277" t="s">
        <v>1717</v>
      </c>
      <c r="C1231" s="278"/>
      <c r="D1231" s="62" t="s">
        <v>22</v>
      </c>
      <c r="E1231" s="280" t="s">
        <v>1718</v>
      </c>
    </row>
    <row r="1232" spans="1:5" x14ac:dyDescent="0.25">
      <c r="A1232" s="276"/>
      <c r="B1232" s="277"/>
      <c r="C1232" s="278"/>
      <c r="D1232" s="68"/>
      <c r="E1232" s="280"/>
    </row>
    <row r="1233" spans="1:5" x14ac:dyDescent="0.25">
      <c r="A1233" s="21"/>
      <c r="B1233" s="100"/>
      <c r="D1233" s="68"/>
      <c r="E1233" s="113"/>
    </row>
    <row r="1234" spans="1:5" x14ac:dyDescent="0.25">
      <c r="A1234" s="272" t="s">
        <v>1733</v>
      </c>
      <c r="B1234" s="272"/>
      <c r="D1234" s="68"/>
      <c r="E1234" s="113"/>
    </row>
    <row r="1235" spans="1:5" x14ac:dyDescent="0.25">
      <c r="A1235" s="276" t="s">
        <v>1734</v>
      </c>
      <c r="B1235" s="277" t="s">
        <v>1733</v>
      </c>
      <c r="C1235" s="278" t="s">
        <v>2941</v>
      </c>
      <c r="D1235" s="62" t="s">
        <v>22</v>
      </c>
      <c r="E1235" s="280" t="s">
        <v>1735</v>
      </c>
    </row>
    <row r="1236" spans="1:5" x14ac:dyDescent="0.25">
      <c r="A1236" s="276"/>
      <c r="B1236" s="277"/>
      <c r="C1236" s="278"/>
      <c r="D1236" s="68"/>
      <c r="E1236" s="280"/>
    </row>
    <row r="1237" spans="1:5" x14ac:dyDescent="0.25">
      <c r="A1237" s="21"/>
      <c r="B1237" s="100"/>
      <c r="D1237" s="68"/>
      <c r="E1237" s="113"/>
    </row>
    <row r="1238" spans="1:5" x14ac:dyDescent="0.25">
      <c r="A1238" s="272" t="s">
        <v>1736</v>
      </c>
      <c r="B1238" s="272"/>
      <c r="D1238" s="68"/>
      <c r="E1238" s="113"/>
    </row>
    <row r="1239" spans="1:5" x14ac:dyDescent="0.25">
      <c r="A1239" s="276" t="s">
        <v>1737</v>
      </c>
      <c r="B1239" s="277" t="s">
        <v>1738</v>
      </c>
      <c r="C1239" s="278" t="s">
        <v>1739</v>
      </c>
      <c r="D1239" s="71" t="s">
        <v>2942</v>
      </c>
      <c r="E1239" s="280" t="s">
        <v>1740</v>
      </c>
    </row>
    <row r="1240" spans="1:5" ht="25.5" x14ac:dyDescent="0.25">
      <c r="A1240" s="276"/>
      <c r="B1240" s="277"/>
      <c r="C1240" s="278"/>
      <c r="D1240" s="62" t="s">
        <v>2943</v>
      </c>
      <c r="E1240" s="280"/>
    </row>
    <row r="1241" spans="1:5" ht="29.25" customHeight="1" x14ac:dyDescent="0.25">
      <c r="A1241" s="276" t="s">
        <v>1741</v>
      </c>
      <c r="B1241" s="277" t="s">
        <v>1742</v>
      </c>
      <c r="C1241" s="278" t="s">
        <v>1743</v>
      </c>
      <c r="D1241" s="60" t="s">
        <v>2943</v>
      </c>
      <c r="E1241" s="280" t="s">
        <v>1740</v>
      </c>
    </row>
    <row r="1242" spans="1:5" x14ac:dyDescent="0.25">
      <c r="A1242" s="276"/>
      <c r="B1242" s="277"/>
      <c r="C1242" s="278"/>
      <c r="D1242" s="60"/>
      <c r="E1242" s="280"/>
    </row>
    <row r="1243" spans="1:5" ht="25.5" x14ac:dyDescent="0.25">
      <c r="A1243" s="276" t="s">
        <v>1744</v>
      </c>
      <c r="B1243" s="277" t="s">
        <v>1745</v>
      </c>
      <c r="C1243" s="278" t="s">
        <v>1746</v>
      </c>
      <c r="D1243" s="60" t="s">
        <v>2943</v>
      </c>
      <c r="E1243" s="111" t="s">
        <v>1747</v>
      </c>
    </row>
    <row r="1244" spans="1:5" ht="25.5" x14ac:dyDescent="0.25">
      <c r="A1244" s="276"/>
      <c r="B1244" s="277"/>
      <c r="C1244" s="278"/>
      <c r="D1244" s="60"/>
      <c r="E1244" s="111" t="s">
        <v>1748</v>
      </c>
    </row>
    <row r="1245" spans="1:5" ht="25.5" x14ac:dyDescent="0.25">
      <c r="A1245" s="276"/>
      <c r="B1245" s="277"/>
      <c r="C1245" s="278"/>
      <c r="D1245" s="60"/>
      <c r="E1245" s="111" t="s">
        <v>1749</v>
      </c>
    </row>
    <row r="1246" spans="1:5" x14ac:dyDescent="0.25">
      <c r="A1246" s="276"/>
      <c r="B1246" s="277"/>
      <c r="C1246" s="278"/>
      <c r="D1246" s="60"/>
      <c r="E1246" s="113"/>
    </row>
    <row r="1247" spans="1:5" ht="25.5" x14ac:dyDescent="0.25">
      <c r="A1247" s="276" t="s">
        <v>1750</v>
      </c>
      <c r="B1247" s="277" t="s">
        <v>1751</v>
      </c>
      <c r="C1247" s="278" t="s">
        <v>1752</v>
      </c>
      <c r="D1247" s="60" t="s">
        <v>2943</v>
      </c>
      <c r="E1247" s="280" t="s">
        <v>1753</v>
      </c>
    </row>
    <row r="1248" spans="1:5" x14ac:dyDescent="0.25">
      <c r="A1248" s="276"/>
      <c r="B1248" s="277"/>
      <c r="C1248" s="278"/>
      <c r="D1248" s="60"/>
      <c r="E1248" s="280"/>
    </row>
    <row r="1249" spans="1:5" ht="25.5" x14ac:dyDescent="0.25">
      <c r="A1249" s="276" t="s">
        <v>1754</v>
      </c>
      <c r="B1249" s="277" t="s">
        <v>1755</v>
      </c>
      <c r="C1249" s="278" t="s">
        <v>1756</v>
      </c>
      <c r="D1249" s="60" t="s">
        <v>2943</v>
      </c>
      <c r="E1249" s="111" t="s">
        <v>1757</v>
      </c>
    </row>
    <row r="1250" spans="1:5" x14ac:dyDescent="0.25">
      <c r="A1250" s="276"/>
      <c r="B1250" s="277"/>
      <c r="C1250" s="278"/>
      <c r="D1250" s="60"/>
      <c r="E1250" s="111" t="s">
        <v>1758</v>
      </c>
    </row>
    <row r="1251" spans="1:5" x14ac:dyDescent="0.25">
      <c r="A1251" s="276"/>
      <c r="B1251" s="277"/>
      <c r="C1251" s="278"/>
      <c r="D1251" s="60"/>
      <c r="E1251" s="111" t="s">
        <v>1759</v>
      </c>
    </row>
    <row r="1252" spans="1:5" x14ac:dyDescent="0.25">
      <c r="A1252" s="276"/>
      <c r="B1252" s="277"/>
      <c r="C1252" s="278"/>
      <c r="D1252" s="60"/>
      <c r="E1252" s="111" t="s">
        <v>1760</v>
      </c>
    </row>
    <row r="1253" spans="1:5" ht="21.75" customHeight="1" x14ac:dyDescent="0.25">
      <c r="A1253" s="276"/>
      <c r="B1253" s="277"/>
      <c r="C1253" s="278"/>
      <c r="D1253" s="60"/>
      <c r="E1253" s="111" t="s">
        <v>1761</v>
      </c>
    </row>
    <row r="1254" spans="1:5" ht="25.5" x14ac:dyDescent="0.25">
      <c r="A1254" s="276"/>
      <c r="B1254" s="277"/>
      <c r="C1254" s="278"/>
      <c r="D1254" s="60"/>
      <c r="E1254" s="111" t="s">
        <v>1612</v>
      </c>
    </row>
    <row r="1255" spans="1:5" x14ac:dyDescent="0.25">
      <c r="A1255" s="276"/>
      <c r="B1255" s="277"/>
      <c r="C1255" s="278"/>
      <c r="D1255" s="60"/>
      <c r="E1255" s="113"/>
    </row>
    <row r="1256" spans="1:5" x14ac:dyDescent="0.25">
      <c r="A1256" s="21"/>
      <c r="B1256" s="100"/>
      <c r="D1256" s="60"/>
      <c r="E1256" s="113"/>
    </row>
    <row r="1257" spans="1:5" x14ac:dyDescent="0.25">
      <c r="A1257" s="272" t="s">
        <v>1762</v>
      </c>
      <c r="B1257" s="272"/>
      <c r="D1257" s="60"/>
      <c r="E1257" s="113"/>
    </row>
    <row r="1258" spans="1:5" ht="25.5" x14ac:dyDescent="0.25">
      <c r="A1258" s="276" t="s">
        <v>1763</v>
      </c>
      <c r="B1258" s="277" t="s">
        <v>1764</v>
      </c>
      <c r="C1258" s="278" t="s">
        <v>1765</v>
      </c>
      <c r="D1258" s="60" t="s">
        <v>2943</v>
      </c>
      <c r="E1258" s="111" t="s">
        <v>1766</v>
      </c>
    </row>
    <row r="1259" spans="1:5" ht="25.5" x14ac:dyDescent="0.25">
      <c r="A1259" s="276"/>
      <c r="B1259" s="277"/>
      <c r="C1259" s="278"/>
      <c r="D1259" s="60"/>
      <c r="E1259" s="111" t="s">
        <v>1767</v>
      </c>
    </row>
    <row r="1260" spans="1:5" ht="25.5" x14ac:dyDescent="0.25">
      <c r="A1260" s="276"/>
      <c r="B1260" s="277"/>
      <c r="C1260" s="278"/>
      <c r="D1260" s="60"/>
      <c r="E1260" s="111" t="s">
        <v>3598</v>
      </c>
    </row>
    <row r="1261" spans="1:5" x14ac:dyDescent="0.25">
      <c r="A1261" s="276"/>
      <c r="B1261" s="277"/>
      <c r="C1261" s="278"/>
      <c r="D1261" s="60"/>
      <c r="E1261" s="113"/>
    </row>
    <row r="1262" spans="1:5" ht="25.5" x14ac:dyDescent="0.25">
      <c r="A1262" s="276" t="s">
        <v>1768</v>
      </c>
      <c r="B1262" s="277" t="s">
        <v>1769</v>
      </c>
      <c r="C1262" s="278" t="s">
        <v>1770</v>
      </c>
      <c r="D1262" s="60" t="s">
        <v>2943</v>
      </c>
      <c r="E1262" s="111" t="s">
        <v>1771</v>
      </c>
    </row>
    <row r="1263" spans="1:5" ht="25.5" x14ac:dyDescent="0.25">
      <c r="A1263" s="276"/>
      <c r="B1263" s="277"/>
      <c r="C1263" s="278"/>
      <c r="D1263" s="60"/>
      <c r="E1263" s="111" t="s">
        <v>1772</v>
      </c>
    </row>
    <row r="1264" spans="1:5" ht="25.5" x14ac:dyDescent="0.25">
      <c r="A1264" s="276"/>
      <c r="B1264" s="277"/>
      <c r="C1264" s="278"/>
      <c r="D1264" s="60"/>
      <c r="E1264" s="111" t="s">
        <v>1773</v>
      </c>
    </row>
    <row r="1265" spans="1:5" x14ac:dyDescent="0.25">
      <c r="A1265" s="276"/>
      <c r="B1265" s="277"/>
      <c r="C1265" s="278"/>
      <c r="D1265" s="60"/>
      <c r="E1265" s="113"/>
    </row>
    <row r="1266" spans="1:5" ht="25.5" x14ac:dyDescent="0.25">
      <c r="A1266" s="276" t="s">
        <v>1774</v>
      </c>
      <c r="B1266" s="277" t="s">
        <v>1775</v>
      </c>
      <c r="C1266" s="278" t="s">
        <v>1776</v>
      </c>
      <c r="D1266" s="60" t="s">
        <v>2943</v>
      </c>
      <c r="E1266" s="111" t="s">
        <v>1777</v>
      </c>
    </row>
    <row r="1267" spans="1:5" x14ac:dyDescent="0.25">
      <c r="A1267" s="276"/>
      <c r="B1267" s="277"/>
      <c r="C1267" s="278"/>
      <c r="D1267" s="60"/>
      <c r="E1267" s="111" t="s">
        <v>1700</v>
      </c>
    </row>
    <row r="1268" spans="1:5" x14ac:dyDescent="0.25">
      <c r="A1268" s="276"/>
      <c r="B1268" s="277"/>
      <c r="C1268" s="278"/>
      <c r="D1268" s="60"/>
      <c r="E1268" s="111" t="s">
        <v>1778</v>
      </c>
    </row>
    <row r="1269" spans="1:5" x14ac:dyDescent="0.25">
      <c r="A1269" s="276"/>
      <c r="B1269" s="277"/>
      <c r="C1269" s="278"/>
      <c r="D1269" s="60"/>
      <c r="E1269" s="111" t="s">
        <v>1779</v>
      </c>
    </row>
    <row r="1270" spans="1:5" ht="25.5" x14ac:dyDescent="0.25">
      <c r="A1270" s="276"/>
      <c r="B1270" s="277"/>
      <c r="C1270" s="278"/>
      <c r="D1270" s="60"/>
      <c r="E1270" s="111" t="s">
        <v>1780</v>
      </c>
    </row>
    <row r="1271" spans="1:5" x14ac:dyDescent="0.25">
      <c r="A1271" s="276"/>
      <c r="B1271" s="277"/>
      <c r="C1271" s="278"/>
      <c r="D1271" s="60"/>
      <c r="E1271" s="113"/>
    </row>
    <row r="1272" spans="1:5" ht="25.5" x14ac:dyDescent="0.25">
      <c r="A1272" s="276" t="s">
        <v>1781</v>
      </c>
      <c r="B1272" s="277" t="s">
        <v>1782</v>
      </c>
      <c r="C1272" s="278" t="s">
        <v>1783</v>
      </c>
      <c r="D1272" s="60" t="s">
        <v>2943</v>
      </c>
      <c r="E1272" s="111" t="s">
        <v>1784</v>
      </c>
    </row>
    <row r="1273" spans="1:5" ht="25.5" x14ac:dyDescent="0.25">
      <c r="A1273" s="276"/>
      <c r="B1273" s="277"/>
      <c r="C1273" s="278"/>
      <c r="D1273" s="60"/>
      <c r="E1273" s="111" t="s">
        <v>1785</v>
      </c>
    </row>
    <row r="1274" spans="1:5" x14ac:dyDescent="0.25">
      <c r="A1274" s="276"/>
      <c r="B1274" s="277"/>
      <c r="C1274" s="278"/>
      <c r="D1274" s="60"/>
      <c r="E1274" s="111" t="s">
        <v>1786</v>
      </c>
    </row>
    <row r="1275" spans="1:5" x14ac:dyDescent="0.25">
      <c r="A1275" s="276"/>
      <c r="B1275" s="277"/>
      <c r="C1275" s="278"/>
      <c r="D1275" s="60"/>
      <c r="E1275" s="113"/>
    </row>
    <row r="1276" spans="1:5" x14ac:dyDescent="0.25">
      <c r="A1276" s="21"/>
      <c r="B1276" s="100"/>
      <c r="D1276" s="60"/>
      <c r="E1276" s="113"/>
    </row>
    <row r="1277" spans="1:5" ht="126" customHeight="1" x14ac:dyDescent="0.25">
      <c r="A1277" s="272" t="s">
        <v>1787</v>
      </c>
      <c r="B1277" s="272"/>
      <c r="D1277" s="60"/>
      <c r="E1277" s="113"/>
    </row>
    <row r="1278" spans="1:5" x14ac:dyDescent="0.25">
      <c r="A1278" s="276" t="s">
        <v>1788</v>
      </c>
      <c r="B1278" s="277" t="s">
        <v>1789</v>
      </c>
      <c r="C1278" s="278" t="s">
        <v>1790</v>
      </c>
      <c r="D1278" s="60"/>
      <c r="E1278" s="111" t="s">
        <v>1791</v>
      </c>
    </row>
    <row r="1279" spans="1:5" x14ac:dyDescent="0.25">
      <c r="A1279" s="276"/>
      <c r="B1279" s="277"/>
      <c r="C1279" s="278"/>
      <c r="D1279" s="60"/>
      <c r="E1279" s="111" t="s">
        <v>1792</v>
      </c>
    </row>
    <row r="1280" spans="1:5" ht="25.5" x14ac:dyDescent="0.25">
      <c r="A1280" s="276"/>
      <c r="B1280" s="277"/>
      <c r="C1280" s="278"/>
      <c r="D1280" s="60" t="s">
        <v>2943</v>
      </c>
      <c r="E1280" s="111" t="s">
        <v>1793</v>
      </c>
    </row>
    <row r="1281" spans="1:5" ht="25.5" x14ac:dyDescent="0.25">
      <c r="A1281" s="276"/>
      <c r="B1281" s="277"/>
      <c r="C1281" s="278"/>
      <c r="D1281" s="60"/>
      <c r="E1281" s="111" t="s">
        <v>1794</v>
      </c>
    </row>
    <row r="1282" spans="1:5" x14ac:dyDescent="0.25">
      <c r="A1282" s="276"/>
      <c r="B1282" s="277"/>
      <c r="C1282" s="278"/>
      <c r="D1282" s="60"/>
      <c r="E1282" s="113"/>
    </row>
    <row r="1283" spans="1:5" x14ac:dyDescent="0.25">
      <c r="A1283" s="276" t="s">
        <v>1795</v>
      </c>
      <c r="B1283" s="277" t="s">
        <v>1796</v>
      </c>
      <c r="C1283" s="278" t="s">
        <v>2944</v>
      </c>
      <c r="D1283" s="60"/>
      <c r="E1283" s="111" t="s">
        <v>1791</v>
      </c>
    </row>
    <row r="1284" spans="1:5" x14ac:dyDescent="0.25">
      <c r="A1284" s="276"/>
      <c r="B1284" s="277"/>
      <c r="C1284" s="278"/>
      <c r="D1284" s="60"/>
      <c r="E1284" s="111" t="s">
        <v>1792</v>
      </c>
    </row>
    <row r="1285" spans="1:5" ht="25.5" x14ac:dyDescent="0.25">
      <c r="A1285" s="276"/>
      <c r="B1285" s="277"/>
      <c r="C1285" s="278"/>
      <c r="D1285" s="60" t="s">
        <v>2943</v>
      </c>
      <c r="E1285" s="111" t="s">
        <v>1793</v>
      </c>
    </row>
    <row r="1286" spans="1:5" ht="25.5" x14ac:dyDescent="0.25">
      <c r="A1286" s="276"/>
      <c r="B1286" s="277"/>
      <c r="C1286" s="278"/>
      <c r="D1286" s="60"/>
      <c r="E1286" s="111" t="s">
        <v>1794</v>
      </c>
    </row>
    <row r="1287" spans="1:5" x14ac:dyDescent="0.25">
      <c r="A1287" s="276"/>
      <c r="B1287" s="277"/>
      <c r="C1287" s="278"/>
      <c r="D1287" s="60"/>
      <c r="E1287" s="113"/>
    </row>
    <row r="1288" spans="1:5" x14ac:dyDescent="0.25">
      <c r="A1288" s="276" t="s">
        <v>1797</v>
      </c>
      <c r="B1288" s="277" t="s">
        <v>1798</v>
      </c>
      <c r="C1288" s="278" t="s">
        <v>1799</v>
      </c>
      <c r="D1288" s="60"/>
      <c r="E1288" s="280" t="s">
        <v>1800</v>
      </c>
    </row>
    <row r="1289" spans="1:5" ht="83.25" customHeight="1" x14ac:dyDescent="0.25">
      <c r="A1289" s="276"/>
      <c r="B1289" s="277"/>
      <c r="C1289" s="278"/>
      <c r="D1289" s="60" t="s">
        <v>22</v>
      </c>
      <c r="E1289" s="280"/>
    </row>
    <row r="1290" spans="1:5" ht="28.5" x14ac:dyDescent="0.25">
      <c r="A1290" s="5" t="s">
        <v>1801</v>
      </c>
      <c r="B1290" s="100" t="s">
        <v>1802</v>
      </c>
      <c r="C1290" s="4" t="s">
        <v>2945</v>
      </c>
      <c r="D1290" s="60" t="s">
        <v>22</v>
      </c>
      <c r="E1290" s="280" t="s">
        <v>1800</v>
      </c>
    </row>
    <row r="1291" spans="1:5" x14ac:dyDescent="0.25">
      <c r="A1291" s="276" t="s">
        <v>1803</v>
      </c>
      <c r="B1291" s="277" t="s">
        <v>1804</v>
      </c>
      <c r="C1291" s="278" t="s">
        <v>1805</v>
      </c>
      <c r="D1291" s="60" t="s">
        <v>22</v>
      </c>
      <c r="E1291" s="280"/>
    </row>
    <row r="1292" spans="1:5" ht="25.5" x14ac:dyDescent="0.25">
      <c r="A1292" s="276"/>
      <c r="B1292" s="277"/>
      <c r="C1292" s="278"/>
      <c r="D1292" s="60"/>
      <c r="E1292" s="111" t="s">
        <v>1690</v>
      </c>
    </row>
    <row r="1293" spans="1:5" ht="23.25" customHeight="1" x14ac:dyDescent="0.25">
      <c r="A1293" s="276"/>
      <c r="B1293" s="277"/>
      <c r="C1293" s="278"/>
      <c r="D1293" s="60"/>
      <c r="E1293" s="111" t="s">
        <v>1806</v>
      </c>
    </row>
    <row r="1294" spans="1:5" ht="23.25" customHeight="1" x14ac:dyDescent="0.25">
      <c r="A1294" s="276"/>
      <c r="B1294" s="277"/>
      <c r="C1294" s="278"/>
      <c r="D1294" s="60"/>
      <c r="E1294" s="111" t="s">
        <v>1807</v>
      </c>
    </row>
    <row r="1295" spans="1:5" ht="25.5" x14ac:dyDescent="0.25">
      <c r="A1295" s="276"/>
      <c r="B1295" s="277"/>
      <c r="C1295" s="278"/>
      <c r="D1295" s="60"/>
      <c r="E1295" s="111" t="s">
        <v>1612</v>
      </c>
    </row>
    <row r="1296" spans="1:5" ht="28.5" customHeight="1" x14ac:dyDescent="0.25">
      <c r="A1296" s="276"/>
      <c r="B1296" s="277"/>
      <c r="C1296" s="278"/>
      <c r="D1296" s="60"/>
      <c r="E1296" s="111" t="s">
        <v>1718</v>
      </c>
    </row>
    <row r="1297" spans="1:5" ht="25.5" x14ac:dyDescent="0.25">
      <c r="A1297" s="276"/>
      <c r="B1297" s="277"/>
      <c r="C1297" s="278"/>
      <c r="D1297" s="60"/>
      <c r="E1297" s="111" t="s">
        <v>1699</v>
      </c>
    </row>
    <row r="1298" spans="1:5" ht="25.5" x14ac:dyDescent="0.25">
      <c r="A1298" s="276"/>
      <c r="B1298" s="277"/>
      <c r="C1298" s="278"/>
      <c r="D1298" s="60"/>
      <c r="E1298" s="111" t="s">
        <v>1793</v>
      </c>
    </row>
    <row r="1299" spans="1:5" x14ac:dyDescent="0.25">
      <c r="A1299" s="276"/>
      <c r="B1299" s="277"/>
      <c r="C1299" s="278"/>
      <c r="D1299" s="60"/>
      <c r="E1299" s="113"/>
    </row>
    <row r="1300" spans="1:5" ht="71.25" x14ac:dyDescent="0.25">
      <c r="A1300" s="5" t="s">
        <v>1808</v>
      </c>
      <c r="B1300" s="100" t="s">
        <v>1809</v>
      </c>
      <c r="C1300" s="4" t="s">
        <v>2946</v>
      </c>
      <c r="D1300" s="60" t="s">
        <v>22</v>
      </c>
      <c r="E1300" s="113" t="s">
        <v>1693</v>
      </c>
    </row>
    <row r="1301" spans="1:5" ht="163.5" customHeight="1" x14ac:dyDescent="0.25">
      <c r="A1301" s="21"/>
      <c r="B1301" s="100"/>
      <c r="D1301" s="60"/>
      <c r="E1301" s="113"/>
    </row>
    <row r="1302" spans="1:5" x14ac:dyDescent="0.25">
      <c r="A1302" s="40" t="s">
        <v>1679</v>
      </c>
      <c r="B1302" s="107" t="s">
        <v>1810</v>
      </c>
      <c r="D1302" s="60"/>
      <c r="E1302" s="113"/>
    </row>
    <row r="1303" spans="1:5" x14ac:dyDescent="0.25">
      <c r="A1303" s="42"/>
      <c r="B1303" s="104"/>
      <c r="C1303" s="43"/>
      <c r="D1303" s="64"/>
      <c r="E1303" s="55"/>
    </row>
    <row r="1304" spans="1:5" ht="25.5" x14ac:dyDescent="0.25">
      <c r="A1304" s="276" t="s">
        <v>1811</v>
      </c>
      <c r="B1304" s="277" t="s">
        <v>1812</v>
      </c>
      <c r="C1304" s="278" t="s">
        <v>1813</v>
      </c>
      <c r="D1304" s="279"/>
      <c r="E1304" s="111" t="s">
        <v>3603</v>
      </c>
    </row>
    <row r="1305" spans="1:5" x14ac:dyDescent="0.25">
      <c r="A1305" s="276"/>
      <c r="B1305" s="277"/>
      <c r="C1305" s="278"/>
      <c r="D1305" s="279"/>
      <c r="E1305" s="111" t="s">
        <v>1814</v>
      </c>
    </row>
    <row r="1306" spans="1:5" x14ac:dyDescent="0.25">
      <c r="A1306" s="276"/>
      <c r="B1306" s="277"/>
      <c r="C1306" s="278"/>
      <c r="D1306" s="279"/>
      <c r="E1306" s="111" t="s">
        <v>3600</v>
      </c>
    </row>
    <row r="1307" spans="1:5" x14ac:dyDescent="0.25">
      <c r="A1307" s="276"/>
      <c r="B1307" s="277"/>
      <c r="C1307" s="278"/>
      <c r="D1307" s="279"/>
      <c r="E1307" s="111" t="s">
        <v>1814</v>
      </c>
    </row>
    <row r="1308" spans="1:5" x14ac:dyDescent="0.25">
      <c r="A1308" s="276"/>
      <c r="B1308" s="277"/>
      <c r="C1308" s="278"/>
      <c r="D1308" s="279"/>
      <c r="E1308" s="113"/>
    </row>
    <row r="1309" spans="1:5" ht="57" x14ac:dyDescent="0.25">
      <c r="A1309" s="5" t="s">
        <v>1815</v>
      </c>
      <c r="B1309" s="100" t="s">
        <v>1816</v>
      </c>
      <c r="C1309" s="4" t="s">
        <v>1817</v>
      </c>
      <c r="D1309" s="60"/>
      <c r="E1309" s="113"/>
    </row>
    <row r="1310" spans="1:5" x14ac:dyDescent="0.25">
      <c r="A1310" s="276" t="s">
        <v>1818</v>
      </c>
      <c r="B1310" s="277" t="s">
        <v>1819</v>
      </c>
      <c r="C1310" s="278" t="s">
        <v>1820</v>
      </c>
      <c r="D1310" s="279"/>
      <c r="E1310" s="111" t="s">
        <v>1821</v>
      </c>
    </row>
    <row r="1311" spans="1:5" x14ac:dyDescent="0.25">
      <c r="A1311" s="276"/>
      <c r="B1311" s="277"/>
      <c r="C1311" s="278"/>
      <c r="D1311" s="279"/>
      <c r="E1311" s="111" t="s">
        <v>1822</v>
      </c>
    </row>
    <row r="1312" spans="1:5" x14ac:dyDescent="0.25">
      <c r="A1312" s="276"/>
      <c r="B1312" s="277"/>
      <c r="C1312" s="278"/>
      <c r="D1312" s="279"/>
      <c r="E1312" s="111" t="s">
        <v>1823</v>
      </c>
    </row>
    <row r="1313" spans="1:5" x14ac:dyDescent="0.25">
      <c r="A1313" s="276"/>
      <c r="B1313" s="277"/>
      <c r="C1313" s="278"/>
      <c r="D1313" s="279"/>
      <c r="E1313" s="113"/>
    </row>
    <row r="1314" spans="1:5" ht="85.5" x14ac:dyDescent="0.25">
      <c r="A1314" s="83" t="s">
        <v>1824</v>
      </c>
      <c r="B1314" s="100" t="s">
        <v>1825</v>
      </c>
      <c r="C1314" s="84" t="s">
        <v>1826</v>
      </c>
      <c r="D1314" s="82"/>
      <c r="E1314" s="111" t="s">
        <v>3601</v>
      </c>
    </row>
    <row r="1315" spans="1:5" ht="25.5" x14ac:dyDescent="0.25">
      <c r="A1315" s="276" t="s">
        <v>1827</v>
      </c>
      <c r="B1315" s="277" t="s">
        <v>1828</v>
      </c>
      <c r="C1315" s="278" t="s">
        <v>1829</v>
      </c>
      <c r="D1315" s="279"/>
      <c r="E1315" s="111" t="s">
        <v>3603</v>
      </c>
    </row>
    <row r="1316" spans="1:5" x14ac:dyDescent="0.25">
      <c r="A1316" s="276"/>
      <c r="B1316" s="277"/>
      <c r="C1316" s="278"/>
      <c r="D1316" s="279"/>
      <c r="E1316" s="111" t="s">
        <v>1830</v>
      </c>
    </row>
    <row r="1317" spans="1:5" x14ac:dyDescent="0.25">
      <c r="A1317" s="276"/>
      <c r="B1317" s="277"/>
      <c r="C1317" s="278"/>
      <c r="D1317" s="279"/>
      <c r="E1317" s="111" t="s">
        <v>1831</v>
      </c>
    </row>
    <row r="1318" spans="1:5" x14ac:dyDescent="0.25">
      <c r="A1318" s="276"/>
      <c r="B1318" s="277"/>
      <c r="C1318" s="278"/>
      <c r="D1318" s="279"/>
      <c r="E1318" s="111" t="s">
        <v>1832</v>
      </c>
    </row>
    <row r="1319" spans="1:5" x14ac:dyDescent="0.25">
      <c r="A1319" s="21"/>
      <c r="B1319" s="100"/>
      <c r="D1319" s="60"/>
      <c r="E1319" s="113"/>
    </row>
    <row r="1320" spans="1:5" ht="53.25" customHeight="1" x14ac:dyDescent="0.25">
      <c r="A1320" s="272" t="s">
        <v>1833</v>
      </c>
      <c r="B1320" s="272"/>
      <c r="D1320" s="60"/>
      <c r="E1320" s="113"/>
    </row>
    <row r="1321" spans="1:5" ht="39" customHeight="1" x14ac:dyDescent="0.25">
      <c r="A1321" s="276" t="s">
        <v>1834</v>
      </c>
      <c r="B1321" s="277" t="s">
        <v>1835</v>
      </c>
      <c r="C1321" s="278" t="s">
        <v>1836</v>
      </c>
      <c r="D1321" s="279"/>
      <c r="E1321" s="111" t="s">
        <v>1837</v>
      </c>
    </row>
    <row r="1322" spans="1:5" ht="25.5" x14ac:dyDescent="0.25">
      <c r="A1322" s="276"/>
      <c r="B1322" s="277"/>
      <c r="C1322" s="278"/>
      <c r="D1322" s="279"/>
      <c r="E1322" s="111" t="s">
        <v>1838</v>
      </c>
    </row>
    <row r="1323" spans="1:5" x14ac:dyDescent="0.25">
      <c r="A1323" s="276"/>
      <c r="B1323" s="277"/>
      <c r="C1323" s="278"/>
      <c r="D1323" s="279"/>
      <c r="E1323" s="111" t="s">
        <v>1839</v>
      </c>
    </row>
    <row r="1324" spans="1:5" x14ac:dyDescent="0.25">
      <c r="A1324" s="276"/>
      <c r="B1324" s="277"/>
      <c r="C1324" s="278"/>
      <c r="D1324" s="279"/>
      <c r="E1324" s="111" t="s">
        <v>1840</v>
      </c>
    </row>
    <row r="1325" spans="1:5" ht="25.5" x14ac:dyDescent="0.25">
      <c r="A1325" s="276"/>
      <c r="B1325" s="277"/>
      <c r="C1325" s="278"/>
      <c r="D1325" s="279"/>
      <c r="E1325" s="111" t="s">
        <v>1841</v>
      </c>
    </row>
    <row r="1326" spans="1:5" x14ac:dyDescent="0.25">
      <c r="A1326" s="276"/>
      <c r="B1326" s="277"/>
      <c r="C1326" s="278"/>
      <c r="D1326" s="279"/>
      <c r="E1326" s="111" t="s">
        <v>1842</v>
      </c>
    </row>
    <row r="1327" spans="1:5" x14ac:dyDescent="0.25">
      <c r="A1327" s="276"/>
      <c r="B1327" s="277"/>
      <c r="C1327" s="278"/>
      <c r="D1327" s="279"/>
      <c r="E1327" s="113"/>
    </row>
    <row r="1328" spans="1:5" ht="25.5" x14ac:dyDescent="0.25">
      <c r="A1328" s="276" t="s">
        <v>1843</v>
      </c>
      <c r="B1328" s="277" t="s">
        <v>1844</v>
      </c>
      <c r="C1328" s="278" t="s">
        <v>1845</v>
      </c>
      <c r="D1328" s="279"/>
      <c r="E1328" s="111" t="s">
        <v>1846</v>
      </c>
    </row>
    <row r="1329" spans="1:5" x14ac:dyDescent="0.25">
      <c r="A1329" s="276"/>
      <c r="B1329" s="277"/>
      <c r="C1329" s="278"/>
      <c r="D1329" s="279"/>
      <c r="E1329" s="111" t="s">
        <v>1847</v>
      </c>
    </row>
    <row r="1330" spans="1:5" x14ac:dyDescent="0.25">
      <c r="A1330" s="276"/>
      <c r="B1330" s="277"/>
      <c r="C1330" s="278"/>
      <c r="D1330" s="279"/>
      <c r="E1330" s="113"/>
    </row>
    <row r="1331" spans="1:5" ht="114.75" x14ac:dyDescent="0.25">
      <c r="A1331" s="83" t="s">
        <v>1848</v>
      </c>
      <c r="B1331" s="100" t="s">
        <v>1849</v>
      </c>
      <c r="C1331" s="4" t="s">
        <v>1850</v>
      </c>
      <c r="D1331" s="82"/>
      <c r="E1331" s="111" t="s">
        <v>3263</v>
      </c>
    </row>
    <row r="1332" spans="1:5" ht="28.5" x14ac:dyDescent="0.25">
      <c r="A1332" s="5" t="s">
        <v>1851</v>
      </c>
      <c r="B1332" s="100" t="s">
        <v>1852</v>
      </c>
      <c r="C1332" s="4" t="s">
        <v>1853</v>
      </c>
      <c r="D1332" s="60"/>
      <c r="E1332" s="113" t="s">
        <v>1870</v>
      </c>
    </row>
    <row r="1333" spans="1:5" ht="28.5" x14ac:dyDescent="0.25">
      <c r="A1333" s="5" t="s">
        <v>1854</v>
      </c>
      <c r="B1333" s="100" t="s">
        <v>1855</v>
      </c>
      <c r="C1333" s="4" t="s">
        <v>1856</v>
      </c>
      <c r="D1333" s="60"/>
      <c r="E1333" s="113"/>
    </row>
    <row r="1334" spans="1:5" ht="57" x14ac:dyDescent="0.25">
      <c r="A1334" s="5" t="s">
        <v>1857</v>
      </c>
      <c r="B1334" s="100" t="s">
        <v>1858</v>
      </c>
      <c r="C1334" s="4" t="s">
        <v>1859</v>
      </c>
      <c r="D1334" s="60"/>
      <c r="E1334" s="113" t="s">
        <v>3106</v>
      </c>
    </row>
    <row r="1335" spans="1:5" ht="127.5" x14ac:dyDescent="0.25">
      <c r="A1335" s="5" t="s">
        <v>1860</v>
      </c>
      <c r="B1335" s="100" t="s">
        <v>1861</v>
      </c>
      <c r="C1335" s="4" t="s">
        <v>1862</v>
      </c>
      <c r="D1335" s="60"/>
      <c r="E1335" s="111" t="s">
        <v>3262</v>
      </c>
    </row>
    <row r="1336" spans="1:5" ht="127.5" x14ac:dyDescent="0.25">
      <c r="A1336" s="83" t="s">
        <v>1863</v>
      </c>
      <c r="B1336" s="100" t="s">
        <v>1864</v>
      </c>
      <c r="C1336" s="84" t="s">
        <v>1862</v>
      </c>
      <c r="D1336" s="82"/>
      <c r="E1336" s="111" t="s">
        <v>3262</v>
      </c>
    </row>
    <row r="1337" spans="1:5" ht="63.75" customHeight="1" x14ac:dyDescent="0.25">
      <c r="A1337" s="27" t="s">
        <v>2631</v>
      </c>
      <c r="B1337" s="105" t="s">
        <v>2632</v>
      </c>
      <c r="C1337" s="26" t="s">
        <v>2633</v>
      </c>
      <c r="D1337" s="65" t="s">
        <v>2634</v>
      </c>
      <c r="E1337" s="56" t="s">
        <v>2691</v>
      </c>
    </row>
    <row r="1338" spans="1:5" x14ac:dyDescent="0.25">
      <c r="A1338" s="276" t="s">
        <v>1865</v>
      </c>
      <c r="B1338" s="277" t="s">
        <v>1866</v>
      </c>
      <c r="C1338" s="278" t="s">
        <v>1867</v>
      </c>
      <c r="D1338" s="279"/>
      <c r="E1338" s="280" t="s">
        <v>3181</v>
      </c>
    </row>
    <row r="1339" spans="1:5" x14ac:dyDescent="0.25">
      <c r="A1339" s="276"/>
      <c r="B1339" s="277"/>
      <c r="C1339" s="278"/>
      <c r="D1339" s="279"/>
      <c r="E1339" s="280"/>
    </row>
    <row r="1340" spans="1:5" x14ac:dyDescent="0.25">
      <c r="A1340" s="276" t="s">
        <v>1868</v>
      </c>
      <c r="B1340" s="277" t="s">
        <v>1869</v>
      </c>
      <c r="C1340" s="278"/>
      <c r="D1340" s="279"/>
      <c r="E1340" s="280" t="s">
        <v>1870</v>
      </c>
    </row>
    <row r="1341" spans="1:5" x14ac:dyDescent="0.25">
      <c r="A1341" s="276"/>
      <c r="B1341" s="277"/>
      <c r="C1341" s="278"/>
      <c r="D1341" s="279"/>
      <c r="E1341" s="280"/>
    </row>
    <row r="1342" spans="1:5" x14ac:dyDescent="0.25">
      <c r="A1342" s="42"/>
      <c r="B1342" s="104"/>
      <c r="C1342" s="43"/>
      <c r="D1342" s="64"/>
      <c r="E1342" s="55"/>
    </row>
    <row r="1343" spans="1:5" x14ac:dyDescent="0.25">
      <c r="A1343" s="40" t="s">
        <v>1871</v>
      </c>
      <c r="B1343" s="107" t="s">
        <v>1872</v>
      </c>
      <c r="D1343" s="60"/>
      <c r="E1343" s="113"/>
    </row>
    <row r="1344" spans="1:5" ht="28.5" x14ac:dyDescent="0.25">
      <c r="A1344" s="5"/>
      <c r="B1344" s="107" t="s">
        <v>2928</v>
      </c>
      <c r="D1344" s="60"/>
      <c r="E1344" s="113"/>
    </row>
    <row r="1345" spans="1:5" x14ac:dyDescent="0.25">
      <c r="A1345" s="21"/>
      <c r="B1345" s="100"/>
      <c r="D1345" s="60"/>
      <c r="E1345" s="113"/>
    </row>
    <row r="1346" spans="1:5" ht="51" x14ac:dyDescent="0.25">
      <c r="A1346" s="272" t="s">
        <v>1873</v>
      </c>
      <c r="B1346" s="272"/>
      <c r="D1346" s="72" t="s">
        <v>2812</v>
      </c>
      <c r="E1346" s="113"/>
    </row>
    <row r="1347" spans="1:5" ht="103.5" customHeight="1" x14ac:dyDescent="0.25">
      <c r="A1347" s="77" t="s">
        <v>1874</v>
      </c>
      <c r="B1347" s="100" t="s">
        <v>1875</v>
      </c>
      <c r="C1347" s="78" t="s">
        <v>1876</v>
      </c>
      <c r="E1347" s="113" t="s">
        <v>2805</v>
      </c>
    </row>
    <row r="1348" spans="1:5" ht="128.25" x14ac:dyDescent="0.25">
      <c r="A1348" s="77" t="s">
        <v>1877</v>
      </c>
      <c r="B1348" s="100" t="s">
        <v>1878</v>
      </c>
      <c r="C1348" s="78" t="s">
        <v>1879</v>
      </c>
      <c r="D1348" s="70"/>
      <c r="E1348" s="113" t="s">
        <v>2948</v>
      </c>
    </row>
    <row r="1349" spans="1:5" ht="57" x14ac:dyDescent="0.25">
      <c r="A1349" s="78" t="s">
        <v>3037</v>
      </c>
      <c r="B1349" s="99" t="s">
        <v>3038</v>
      </c>
      <c r="C1349" s="78" t="s">
        <v>3039</v>
      </c>
      <c r="D1349" s="70"/>
      <c r="E1349" s="111" t="s">
        <v>3260</v>
      </c>
    </row>
    <row r="1350" spans="1:5" ht="71.25" x14ac:dyDescent="0.25">
      <c r="A1350" s="77" t="s">
        <v>1880</v>
      </c>
      <c r="B1350" s="100" t="s">
        <v>1881</v>
      </c>
      <c r="C1350" s="78" t="s">
        <v>1882</v>
      </c>
      <c r="D1350" s="70"/>
      <c r="E1350" s="113" t="s">
        <v>2948</v>
      </c>
    </row>
    <row r="1351" spans="1:5" ht="42.75" x14ac:dyDescent="0.25">
      <c r="A1351" s="77" t="s">
        <v>1883</v>
      </c>
      <c r="B1351" s="100" t="s">
        <v>1884</v>
      </c>
      <c r="C1351" s="78" t="s">
        <v>1885</v>
      </c>
      <c r="D1351" s="70"/>
      <c r="E1351" s="113" t="s">
        <v>2948</v>
      </c>
    </row>
    <row r="1352" spans="1:5" ht="57" x14ac:dyDescent="0.25">
      <c r="A1352" s="77" t="s">
        <v>1886</v>
      </c>
      <c r="B1352" s="100" t="s">
        <v>1887</v>
      </c>
      <c r="C1352" s="78" t="s">
        <v>1888</v>
      </c>
      <c r="D1352" s="70"/>
      <c r="E1352" s="113" t="s">
        <v>2948</v>
      </c>
    </row>
    <row r="1353" spans="1:5" ht="71.25" x14ac:dyDescent="0.25">
      <c r="A1353" s="77" t="s">
        <v>1889</v>
      </c>
      <c r="B1353" s="100" t="s">
        <v>1890</v>
      </c>
      <c r="C1353" s="78" t="s">
        <v>1891</v>
      </c>
      <c r="D1353" s="70"/>
      <c r="E1353" s="113" t="s">
        <v>2948</v>
      </c>
    </row>
    <row r="1354" spans="1:5" ht="85.5" x14ac:dyDescent="0.25">
      <c r="A1354" s="77" t="s">
        <v>1892</v>
      </c>
      <c r="B1354" s="100" t="s">
        <v>1893</v>
      </c>
      <c r="C1354" s="78" t="s">
        <v>1894</v>
      </c>
      <c r="D1354" s="70"/>
      <c r="E1354" s="113" t="s">
        <v>2948</v>
      </c>
    </row>
    <row r="1355" spans="1:5" ht="71.25" customHeight="1" x14ac:dyDescent="0.25">
      <c r="A1355" s="77" t="s">
        <v>1895</v>
      </c>
      <c r="B1355" s="100" t="s">
        <v>1896</v>
      </c>
      <c r="C1355" s="78"/>
      <c r="D1355" s="70"/>
      <c r="E1355" s="113" t="s">
        <v>2948</v>
      </c>
    </row>
    <row r="1356" spans="1:5" ht="50.25" customHeight="1" x14ac:dyDescent="0.25">
      <c r="A1356" s="77" t="s">
        <v>1897</v>
      </c>
      <c r="B1356" s="100" t="s">
        <v>1898</v>
      </c>
      <c r="C1356" s="78"/>
      <c r="D1356" s="70"/>
      <c r="E1356" s="113" t="s">
        <v>2948</v>
      </c>
    </row>
    <row r="1357" spans="1:5" ht="28.5" x14ac:dyDescent="0.25">
      <c r="A1357" s="77" t="s">
        <v>1899</v>
      </c>
      <c r="B1357" s="100" t="s">
        <v>1900</v>
      </c>
      <c r="C1357" s="78"/>
      <c r="D1357" s="70"/>
      <c r="E1357" s="113" t="s">
        <v>2948</v>
      </c>
    </row>
    <row r="1358" spans="1:5" ht="42.75" x14ac:dyDescent="0.25">
      <c r="A1358" s="77" t="s">
        <v>1901</v>
      </c>
      <c r="B1358" s="100" t="s">
        <v>1902</v>
      </c>
      <c r="C1358" s="78"/>
      <c r="D1358" s="97"/>
      <c r="E1358" s="113" t="s">
        <v>2948</v>
      </c>
    </row>
    <row r="1359" spans="1:5" ht="85.5" x14ac:dyDescent="0.25">
      <c r="A1359" s="77" t="s">
        <v>1903</v>
      </c>
      <c r="B1359" s="100" t="s">
        <v>1904</v>
      </c>
      <c r="C1359" s="78" t="s">
        <v>1905</v>
      </c>
      <c r="D1359" s="70"/>
      <c r="E1359" s="113" t="s">
        <v>2805</v>
      </c>
    </row>
    <row r="1360" spans="1:5" ht="128.25" x14ac:dyDescent="0.25">
      <c r="A1360" s="77" t="s">
        <v>1906</v>
      </c>
      <c r="B1360" s="100" t="s">
        <v>1907</v>
      </c>
      <c r="C1360" s="77" t="s">
        <v>3228</v>
      </c>
      <c r="D1360" s="70"/>
      <c r="E1360" s="113" t="s">
        <v>2948</v>
      </c>
    </row>
    <row r="1361" spans="1:5" ht="25.5" x14ac:dyDescent="0.25">
      <c r="A1361" s="77" t="s">
        <v>1908</v>
      </c>
      <c r="B1361" s="100" t="s">
        <v>1909</v>
      </c>
      <c r="C1361" s="78"/>
      <c r="D1361" s="70"/>
      <c r="E1361" s="113" t="s">
        <v>2948</v>
      </c>
    </row>
    <row r="1362" spans="1:5" ht="25.5" x14ac:dyDescent="0.25">
      <c r="A1362" s="77" t="s">
        <v>1910</v>
      </c>
      <c r="B1362" s="100" t="s">
        <v>1911</v>
      </c>
      <c r="C1362" s="78"/>
      <c r="D1362" s="70"/>
      <c r="E1362" s="113" t="s">
        <v>2948</v>
      </c>
    </row>
    <row r="1363" spans="1:5" ht="38.25" customHeight="1" x14ac:dyDescent="0.25">
      <c r="A1363" s="77" t="s">
        <v>1912</v>
      </c>
      <c r="B1363" s="100" t="s">
        <v>1913</v>
      </c>
      <c r="C1363" s="78"/>
      <c r="D1363" s="70"/>
      <c r="E1363" s="113" t="s">
        <v>2948</v>
      </c>
    </row>
    <row r="1364" spans="1:5" ht="25.5" x14ac:dyDescent="0.25">
      <c r="A1364" s="77" t="s">
        <v>1914</v>
      </c>
      <c r="B1364" s="100" t="s">
        <v>1915</v>
      </c>
      <c r="C1364" s="78"/>
      <c r="D1364" s="70"/>
      <c r="E1364" s="113" t="s">
        <v>2948</v>
      </c>
    </row>
    <row r="1365" spans="1:5" ht="28.5" x14ac:dyDescent="0.25">
      <c r="A1365" s="77" t="s">
        <v>1916</v>
      </c>
      <c r="B1365" s="100" t="s">
        <v>1917</v>
      </c>
      <c r="C1365" s="78" t="s">
        <v>1918</v>
      </c>
      <c r="D1365" s="70"/>
      <c r="E1365" s="113" t="s">
        <v>2948</v>
      </c>
    </row>
    <row r="1366" spans="1:5" ht="25.5" x14ac:dyDescent="0.25">
      <c r="A1366" s="77" t="s">
        <v>1919</v>
      </c>
      <c r="B1366" s="100" t="s">
        <v>1920</v>
      </c>
      <c r="C1366" s="78"/>
      <c r="D1366" s="70"/>
      <c r="E1366" s="113" t="s">
        <v>2948</v>
      </c>
    </row>
    <row r="1367" spans="1:5" ht="57" x14ac:dyDescent="0.25">
      <c r="A1367" s="77" t="s">
        <v>1921</v>
      </c>
      <c r="B1367" s="100" t="s">
        <v>1922</v>
      </c>
      <c r="C1367" s="78" t="s">
        <v>1923</v>
      </c>
      <c r="D1367" s="70"/>
      <c r="E1367" s="113" t="s">
        <v>3256</v>
      </c>
    </row>
    <row r="1368" spans="1:5" ht="42.75" x14ac:dyDescent="0.25">
      <c r="A1368" s="77" t="s">
        <v>1924</v>
      </c>
      <c r="B1368" s="100" t="s">
        <v>1925</v>
      </c>
      <c r="C1368" s="78" t="s">
        <v>2947</v>
      </c>
      <c r="D1368" s="70"/>
      <c r="E1368" s="113" t="s">
        <v>26</v>
      </c>
    </row>
    <row r="1369" spans="1:5" x14ac:dyDescent="0.25">
      <c r="A1369" s="296" t="s">
        <v>1926</v>
      </c>
      <c r="B1369" s="297"/>
      <c r="C1369" s="297"/>
      <c r="D1369" s="297"/>
      <c r="E1369" s="298"/>
    </row>
    <row r="1370" spans="1:5" ht="67.5" customHeight="1" x14ac:dyDescent="0.25">
      <c r="A1370" s="77" t="s">
        <v>1927</v>
      </c>
      <c r="B1370" s="100" t="s">
        <v>1928</v>
      </c>
      <c r="C1370" s="78" t="s">
        <v>1929</v>
      </c>
      <c r="D1370" s="70"/>
      <c r="E1370" s="113" t="s">
        <v>2948</v>
      </c>
    </row>
    <row r="1371" spans="1:5" ht="99.75" x14ac:dyDescent="0.25">
      <c r="A1371" s="77" t="s">
        <v>1930</v>
      </c>
      <c r="B1371" s="100" t="s">
        <v>1931</v>
      </c>
      <c r="C1371" s="78" t="s">
        <v>1932</v>
      </c>
      <c r="D1371" s="70"/>
      <c r="E1371" s="113" t="s">
        <v>3257</v>
      </c>
    </row>
    <row r="1372" spans="1:5" ht="25.5" x14ac:dyDescent="0.25">
      <c r="A1372" s="77" t="s">
        <v>1933</v>
      </c>
      <c r="B1372" s="100" t="s">
        <v>1934</v>
      </c>
      <c r="C1372" s="78"/>
      <c r="D1372" s="70"/>
      <c r="E1372" s="113" t="s">
        <v>2948</v>
      </c>
    </row>
    <row r="1373" spans="1:5" ht="114.75" customHeight="1" x14ac:dyDescent="0.25">
      <c r="A1373" s="77" t="s">
        <v>1935</v>
      </c>
      <c r="B1373" s="100" t="s">
        <v>1936</v>
      </c>
      <c r="C1373" s="78"/>
      <c r="D1373" s="70"/>
      <c r="E1373" s="113" t="s">
        <v>3257</v>
      </c>
    </row>
    <row r="1374" spans="1:5" ht="25.5" x14ac:dyDescent="0.25">
      <c r="A1374" s="77" t="s">
        <v>1937</v>
      </c>
      <c r="B1374" s="100" t="s">
        <v>1938</v>
      </c>
      <c r="C1374" s="78"/>
      <c r="D1374" s="70"/>
      <c r="E1374" s="113" t="s">
        <v>2948</v>
      </c>
    </row>
    <row r="1375" spans="1:5" ht="28.5" x14ac:dyDescent="0.25">
      <c r="A1375" s="77" t="s">
        <v>1939</v>
      </c>
      <c r="B1375" s="100" t="s">
        <v>1940</v>
      </c>
      <c r="C1375" s="78" t="s">
        <v>1941</v>
      </c>
      <c r="D1375" s="70"/>
      <c r="E1375" s="113" t="s">
        <v>2948</v>
      </c>
    </row>
    <row r="1376" spans="1:5" ht="28.5" x14ac:dyDescent="0.25">
      <c r="A1376" s="77" t="s">
        <v>1942</v>
      </c>
      <c r="B1376" s="100" t="s">
        <v>1943</v>
      </c>
      <c r="C1376" s="78" t="s">
        <v>1944</v>
      </c>
      <c r="D1376" s="70"/>
      <c r="E1376" s="113" t="s">
        <v>2948</v>
      </c>
    </row>
    <row r="1377" spans="1:5" ht="57" x14ac:dyDescent="0.25">
      <c r="A1377" s="77" t="s">
        <v>1945</v>
      </c>
      <c r="B1377" s="100" t="s">
        <v>1946</v>
      </c>
      <c r="C1377" s="78" t="s">
        <v>1947</v>
      </c>
      <c r="D1377" s="70"/>
      <c r="E1377" s="113" t="s">
        <v>2949</v>
      </c>
    </row>
    <row r="1378" spans="1:5" ht="28.5" x14ac:dyDescent="0.25">
      <c r="A1378" s="77" t="s">
        <v>1948</v>
      </c>
      <c r="B1378" s="100" t="s">
        <v>1949</v>
      </c>
      <c r="C1378" s="78" t="s">
        <v>1950</v>
      </c>
      <c r="D1378" s="70"/>
      <c r="E1378" s="113" t="s">
        <v>2949</v>
      </c>
    </row>
    <row r="1379" spans="1:5" ht="99.75" x14ac:dyDescent="0.25">
      <c r="A1379" s="77" t="s">
        <v>1951</v>
      </c>
      <c r="B1379" s="100" t="s">
        <v>1952</v>
      </c>
      <c r="C1379" s="78" t="s">
        <v>1953</v>
      </c>
      <c r="D1379" s="70"/>
      <c r="E1379" s="113" t="s">
        <v>3259</v>
      </c>
    </row>
    <row r="1380" spans="1:5" ht="38.25" x14ac:dyDescent="0.25">
      <c r="A1380" s="77" t="s">
        <v>1954</v>
      </c>
      <c r="B1380" s="100" t="s">
        <v>1955</v>
      </c>
      <c r="C1380" s="78" t="s">
        <v>2950</v>
      </c>
      <c r="D1380" s="70"/>
      <c r="E1380" s="111" t="s">
        <v>3258</v>
      </c>
    </row>
    <row r="1381" spans="1:5" ht="85.5" x14ac:dyDescent="0.25">
      <c r="A1381" s="77" t="s">
        <v>1956</v>
      </c>
      <c r="B1381" s="100" t="s">
        <v>1957</v>
      </c>
      <c r="C1381" s="78" t="s">
        <v>1958</v>
      </c>
      <c r="D1381" s="70"/>
      <c r="E1381" s="113" t="s">
        <v>2951</v>
      </c>
    </row>
    <row r="1382" spans="1:5" ht="57" x14ac:dyDescent="0.25">
      <c r="A1382" s="77" t="s">
        <v>1959</v>
      </c>
      <c r="B1382" s="100" t="s">
        <v>1960</v>
      </c>
      <c r="C1382" s="78" t="s">
        <v>1961</v>
      </c>
      <c r="D1382" s="70"/>
      <c r="E1382" s="113" t="s">
        <v>3257</v>
      </c>
    </row>
    <row r="1383" spans="1:5" x14ac:dyDescent="0.25">
      <c r="A1383" s="264" t="s">
        <v>1962</v>
      </c>
      <c r="B1383" s="266"/>
      <c r="C1383" s="78"/>
      <c r="D1383" s="70"/>
      <c r="E1383" s="113"/>
    </row>
    <row r="1384" spans="1:5" ht="171" x14ac:dyDescent="0.25">
      <c r="A1384" s="77" t="s">
        <v>1963</v>
      </c>
      <c r="B1384" s="100" t="s">
        <v>1964</v>
      </c>
      <c r="C1384" s="78" t="s">
        <v>1965</v>
      </c>
      <c r="D1384" s="70"/>
      <c r="E1384" s="113" t="s">
        <v>2805</v>
      </c>
    </row>
    <row r="1385" spans="1:5" ht="99.75" x14ac:dyDescent="0.25">
      <c r="A1385" s="77" t="s">
        <v>1966</v>
      </c>
      <c r="B1385" s="100" t="s">
        <v>1967</v>
      </c>
      <c r="C1385" s="78" t="s">
        <v>1968</v>
      </c>
      <c r="D1385" s="70"/>
      <c r="E1385" s="113" t="s">
        <v>2807</v>
      </c>
    </row>
    <row r="1386" spans="1:5" ht="57" x14ac:dyDescent="0.25">
      <c r="A1386" s="77" t="s">
        <v>1969</v>
      </c>
      <c r="B1386" s="100" t="s">
        <v>1970</v>
      </c>
      <c r="C1386" s="78" t="s">
        <v>1971</v>
      </c>
      <c r="D1386" s="70"/>
      <c r="E1386" s="113" t="s">
        <v>3107</v>
      </c>
    </row>
    <row r="1387" spans="1:5" ht="57" x14ac:dyDescent="0.25">
      <c r="A1387" s="77" t="s">
        <v>1972</v>
      </c>
      <c r="B1387" s="100" t="s">
        <v>1973</v>
      </c>
      <c r="C1387" s="78" t="s">
        <v>1974</v>
      </c>
      <c r="D1387" s="70"/>
      <c r="E1387" s="113" t="s">
        <v>3108</v>
      </c>
    </row>
    <row r="1388" spans="1:5" ht="28.5" x14ac:dyDescent="0.25">
      <c r="A1388" s="77" t="s">
        <v>1975</v>
      </c>
      <c r="B1388" s="100" t="s">
        <v>1976</v>
      </c>
      <c r="C1388" s="78" t="s">
        <v>1977</v>
      </c>
      <c r="D1388" s="70"/>
      <c r="E1388" s="113" t="s">
        <v>3109</v>
      </c>
    </row>
    <row r="1389" spans="1:5" x14ac:dyDescent="0.25">
      <c r="A1389" s="79"/>
      <c r="B1389" s="100"/>
      <c r="C1389" s="78"/>
      <c r="D1389" s="70"/>
      <c r="E1389" s="113"/>
    </row>
    <row r="1390" spans="1:5" x14ac:dyDescent="0.25">
      <c r="A1390" s="79"/>
      <c r="B1390" s="100"/>
      <c r="C1390" s="78"/>
      <c r="D1390" s="70"/>
      <c r="E1390" s="113"/>
    </row>
    <row r="1391" spans="1:5" x14ac:dyDescent="0.25">
      <c r="A1391" s="264" t="s">
        <v>1978</v>
      </c>
      <c r="B1391" s="266"/>
      <c r="C1391" s="78"/>
      <c r="D1391" s="70"/>
      <c r="E1391" s="113"/>
    </row>
    <row r="1392" spans="1:5" ht="114" x14ac:dyDescent="0.25">
      <c r="A1392" s="77" t="s">
        <v>1979</v>
      </c>
      <c r="B1392" s="100" t="s">
        <v>1980</v>
      </c>
      <c r="C1392" s="78" t="s">
        <v>1981</v>
      </c>
      <c r="D1392" s="70"/>
      <c r="E1392" s="113" t="s">
        <v>3593</v>
      </c>
    </row>
    <row r="1393" spans="1:5" ht="128.25" x14ac:dyDescent="0.25">
      <c r="A1393" s="77" t="s">
        <v>1982</v>
      </c>
      <c r="B1393" s="100" t="s">
        <v>1983</v>
      </c>
      <c r="C1393" s="78" t="s">
        <v>1984</v>
      </c>
      <c r="D1393" s="70"/>
      <c r="E1393" s="113" t="s">
        <v>3594</v>
      </c>
    </row>
    <row r="1394" spans="1:5" ht="114" x14ac:dyDescent="0.25">
      <c r="A1394" s="77" t="s">
        <v>1985</v>
      </c>
      <c r="B1394" s="100" t="s">
        <v>1986</v>
      </c>
      <c r="C1394" s="78" t="s">
        <v>1987</v>
      </c>
      <c r="D1394" s="70"/>
      <c r="E1394" s="113" t="s">
        <v>3594</v>
      </c>
    </row>
    <row r="1395" spans="1:5" x14ac:dyDescent="0.25">
      <c r="A1395" s="79"/>
      <c r="B1395" s="100"/>
      <c r="C1395" s="78"/>
      <c r="D1395" s="70"/>
      <c r="E1395" s="113"/>
    </row>
    <row r="1396" spans="1:5" x14ac:dyDescent="0.25">
      <c r="A1396" s="264" t="s">
        <v>1988</v>
      </c>
      <c r="B1396" s="266"/>
      <c r="C1396" s="78"/>
      <c r="D1396" s="70"/>
      <c r="E1396" s="113"/>
    </row>
    <row r="1397" spans="1:5" ht="85.5" x14ac:dyDescent="0.25">
      <c r="A1397" s="77" t="s">
        <v>1989</v>
      </c>
      <c r="B1397" s="100" t="s">
        <v>1990</v>
      </c>
      <c r="C1397" s="78" t="s">
        <v>1991</v>
      </c>
      <c r="D1397" s="70"/>
      <c r="E1397" s="113" t="s">
        <v>3110</v>
      </c>
    </row>
    <row r="1398" spans="1:5" ht="71.25" x14ac:dyDescent="0.25">
      <c r="A1398" s="77" t="s">
        <v>1992</v>
      </c>
      <c r="B1398" s="100" t="s">
        <v>1993</v>
      </c>
      <c r="C1398" s="78" t="s">
        <v>1994</v>
      </c>
      <c r="D1398" s="70"/>
      <c r="E1398" s="113" t="s">
        <v>3111</v>
      </c>
    </row>
    <row r="1399" spans="1:5" ht="28.5" x14ac:dyDescent="0.25">
      <c r="A1399" s="77" t="s">
        <v>1995</v>
      </c>
      <c r="B1399" s="100" t="s">
        <v>1996</v>
      </c>
      <c r="C1399" s="78" t="s">
        <v>1997</v>
      </c>
      <c r="D1399" s="70"/>
      <c r="E1399" s="113" t="s">
        <v>3112</v>
      </c>
    </row>
    <row r="1400" spans="1:5" ht="28.5" x14ac:dyDescent="0.25">
      <c r="A1400" s="77" t="s">
        <v>1998</v>
      </c>
      <c r="B1400" s="100" t="s">
        <v>1999</v>
      </c>
      <c r="C1400" s="78" t="s">
        <v>2000</v>
      </c>
      <c r="D1400" s="70"/>
      <c r="E1400" s="113" t="s">
        <v>3113</v>
      </c>
    </row>
    <row r="1401" spans="1:5" ht="42.75" x14ac:dyDescent="0.25">
      <c r="A1401" s="77" t="s">
        <v>2001</v>
      </c>
      <c r="B1401" s="100" t="s">
        <v>2002</v>
      </c>
      <c r="C1401" s="78" t="s">
        <v>2003</v>
      </c>
      <c r="D1401" s="70"/>
      <c r="E1401" s="113" t="s">
        <v>3114</v>
      </c>
    </row>
    <row r="1402" spans="1:5" ht="42.75" x14ac:dyDescent="0.25">
      <c r="A1402" s="77" t="s">
        <v>2004</v>
      </c>
      <c r="B1402" s="100" t="s">
        <v>2005</v>
      </c>
      <c r="C1402" s="78" t="s">
        <v>2006</v>
      </c>
      <c r="D1402" s="70"/>
      <c r="E1402" s="113" t="s">
        <v>3115</v>
      </c>
    </row>
    <row r="1403" spans="1:5" ht="99.75" x14ac:dyDescent="0.25">
      <c r="A1403" s="77" t="s">
        <v>2007</v>
      </c>
      <c r="B1403" s="100" t="s">
        <v>2008</v>
      </c>
      <c r="C1403" s="78" t="s">
        <v>2009</v>
      </c>
      <c r="D1403" s="70"/>
      <c r="E1403" s="113" t="s">
        <v>2952</v>
      </c>
    </row>
    <row r="1404" spans="1:5" x14ac:dyDescent="0.25">
      <c r="A1404" s="296" t="s">
        <v>2010</v>
      </c>
      <c r="B1404" s="297"/>
      <c r="C1404" s="297"/>
      <c r="D1404" s="297"/>
      <c r="E1404" s="298"/>
    </row>
    <row r="1405" spans="1:5" ht="99.75" x14ac:dyDescent="0.25">
      <c r="A1405" s="80" t="s">
        <v>2011</v>
      </c>
      <c r="B1405" s="101" t="s">
        <v>2012</v>
      </c>
      <c r="C1405" s="81" t="s">
        <v>2013</v>
      </c>
      <c r="D1405" s="70"/>
      <c r="E1405" s="113" t="s">
        <v>3261</v>
      </c>
    </row>
    <row r="1406" spans="1:5" ht="93" customHeight="1" x14ac:dyDescent="0.25">
      <c r="A1406" s="77" t="s">
        <v>2014</v>
      </c>
      <c r="B1406" s="100" t="s">
        <v>2015</v>
      </c>
      <c r="C1406" s="78" t="s">
        <v>2016</v>
      </c>
      <c r="D1406" s="70"/>
      <c r="E1406" s="113" t="s">
        <v>3116</v>
      </c>
    </row>
    <row r="1407" spans="1:5" ht="25.5" x14ac:dyDescent="0.25">
      <c r="A1407" s="282" t="s">
        <v>2017</v>
      </c>
      <c r="B1407" s="285" t="s">
        <v>2018</v>
      </c>
      <c r="C1407" s="288" t="s">
        <v>2019</v>
      </c>
      <c r="D1407" s="70"/>
      <c r="E1407" s="113" t="s">
        <v>3595</v>
      </c>
    </row>
    <row r="1408" spans="1:5" ht="25.5" x14ac:dyDescent="0.25">
      <c r="A1408" s="283"/>
      <c r="B1408" s="286"/>
      <c r="C1408" s="289"/>
      <c r="D1408" s="70"/>
      <c r="E1408" s="111" t="s">
        <v>2020</v>
      </c>
    </row>
    <row r="1409" spans="1:5" x14ac:dyDescent="0.25">
      <c r="A1409" s="283"/>
      <c r="B1409" s="286"/>
      <c r="C1409" s="289"/>
      <c r="D1409" s="70"/>
      <c r="E1409" s="111" t="s">
        <v>2021</v>
      </c>
    </row>
    <row r="1410" spans="1:5" x14ac:dyDescent="0.25">
      <c r="A1410" s="284"/>
      <c r="B1410" s="287"/>
      <c r="C1410" s="290"/>
      <c r="D1410" s="70"/>
      <c r="E1410" s="113"/>
    </row>
    <row r="1411" spans="1:5" x14ac:dyDescent="0.25">
      <c r="A1411" s="282" t="s">
        <v>2022</v>
      </c>
      <c r="B1411" s="285" t="s">
        <v>2023</v>
      </c>
      <c r="C1411" s="288" t="s">
        <v>2024</v>
      </c>
      <c r="D1411" s="70"/>
      <c r="E1411" s="113" t="s">
        <v>3117</v>
      </c>
    </row>
    <row r="1412" spans="1:5" ht="25.5" x14ac:dyDescent="0.25">
      <c r="A1412" s="283"/>
      <c r="B1412" s="286"/>
      <c r="C1412" s="289"/>
      <c r="D1412" s="70"/>
      <c r="E1412" s="111" t="s">
        <v>2025</v>
      </c>
    </row>
    <row r="1413" spans="1:5" x14ac:dyDescent="0.25">
      <c r="A1413" s="284"/>
      <c r="B1413" s="287"/>
      <c r="C1413" s="290"/>
      <c r="D1413" s="70"/>
      <c r="E1413" s="113"/>
    </row>
    <row r="1414" spans="1:5" ht="42.75" x14ac:dyDescent="0.25">
      <c r="A1414" s="77" t="s">
        <v>2026</v>
      </c>
      <c r="B1414" s="100" t="s">
        <v>2027</v>
      </c>
      <c r="C1414" s="78" t="s">
        <v>2028</v>
      </c>
      <c r="D1414" s="70"/>
      <c r="E1414" s="113" t="s">
        <v>3118</v>
      </c>
    </row>
    <row r="1415" spans="1:5" ht="42.75" x14ac:dyDescent="0.25">
      <c r="A1415" s="77" t="s">
        <v>2029</v>
      </c>
      <c r="B1415" s="100" t="s">
        <v>2030</v>
      </c>
      <c r="C1415" s="78" t="s">
        <v>2031</v>
      </c>
      <c r="D1415" s="70"/>
      <c r="E1415" s="113" t="s">
        <v>3119</v>
      </c>
    </row>
    <row r="1416" spans="1:5" ht="85.5" x14ac:dyDescent="0.25">
      <c r="A1416" s="77" t="s">
        <v>2032</v>
      </c>
      <c r="B1416" s="100" t="s">
        <v>2033</v>
      </c>
      <c r="C1416" s="78" t="s">
        <v>2034</v>
      </c>
      <c r="D1416" s="70"/>
      <c r="E1416" s="113" t="s">
        <v>3587</v>
      </c>
    </row>
    <row r="1417" spans="1:5" x14ac:dyDescent="0.25">
      <c r="A1417" s="282" t="s">
        <v>2035</v>
      </c>
      <c r="B1417" s="285" t="s">
        <v>2036</v>
      </c>
      <c r="C1417" s="288" t="s">
        <v>2037</v>
      </c>
      <c r="D1417" s="70"/>
      <c r="E1417" s="294" t="s">
        <v>3587</v>
      </c>
    </row>
    <row r="1418" spans="1:5" x14ac:dyDescent="0.25">
      <c r="A1418" s="284"/>
      <c r="B1418" s="287"/>
      <c r="C1418" s="290"/>
      <c r="D1418" s="70"/>
      <c r="E1418" s="295"/>
    </row>
    <row r="1419" spans="1:5" x14ac:dyDescent="0.25">
      <c r="A1419" s="79"/>
      <c r="B1419" s="100"/>
      <c r="C1419" s="78"/>
      <c r="D1419" s="70"/>
      <c r="E1419" s="113"/>
    </row>
    <row r="1420" spans="1:5" x14ac:dyDescent="0.25">
      <c r="A1420" s="264" t="s">
        <v>2038</v>
      </c>
      <c r="B1420" s="266"/>
      <c r="C1420" s="78"/>
      <c r="D1420" s="70"/>
      <c r="E1420" s="113"/>
    </row>
    <row r="1421" spans="1:5" ht="36.75" customHeight="1" x14ac:dyDescent="0.25">
      <c r="A1421" s="282" t="s">
        <v>2039</v>
      </c>
      <c r="B1421" s="285" t="s">
        <v>2040</v>
      </c>
      <c r="C1421" s="288" t="s">
        <v>2041</v>
      </c>
      <c r="D1421" s="70"/>
      <c r="E1421" s="113" t="s">
        <v>3120</v>
      </c>
    </row>
    <row r="1422" spans="1:5" x14ac:dyDescent="0.25">
      <c r="A1422" s="283"/>
      <c r="B1422" s="286"/>
      <c r="C1422" s="289"/>
      <c r="D1422" s="70"/>
      <c r="E1422" s="111" t="s">
        <v>2042</v>
      </c>
    </row>
    <row r="1423" spans="1:5" ht="213" customHeight="1" x14ac:dyDescent="0.25">
      <c r="A1423" s="284"/>
      <c r="B1423" s="287"/>
      <c r="C1423" s="290"/>
      <c r="D1423" s="70"/>
      <c r="E1423" s="113"/>
    </row>
    <row r="1424" spans="1:5" ht="71.25" x14ac:dyDescent="0.25">
      <c r="A1424" s="77" t="s">
        <v>2043</v>
      </c>
      <c r="B1424" s="100" t="s">
        <v>2044</v>
      </c>
      <c r="C1424" s="78" t="s">
        <v>2045</v>
      </c>
      <c r="D1424" s="70"/>
      <c r="E1424" s="113" t="s">
        <v>3203</v>
      </c>
    </row>
    <row r="1425" spans="1:5" ht="71.25" x14ac:dyDescent="0.25">
      <c r="A1425" s="77" t="s">
        <v>2046</v>
      </c>
      <c r="B1425" s="100" t="s">
        <v>2047</v>
      </c>
      <c r="C1425" s="78" t="s">
        <v>2048</v>
      </c>
      <c r="D1425" s="70"/>
      <c r="E1425" s="111" t="s">
        <v>3203</v>
      </c>
    </row>
    <row r="1426" spans="1:5" ht="156" customHeight="1" x14ac:dyDescent="0.25">
      <c r="A1426" s="77" t="s">
        <v>2050</v>
      </c>
      <c r="B1426" s="100" t="s">
        <v>2051</v>
      </c>
      <c r="C1426" s="78" t="s">
        <v>2052</v>
      </c>
      <c r="D1426" s="70"/>
      <c r="E1426" s="111" t="s">
        <v>2053</v>
      </c>
    </row>
    <row r="1427" spans="1:5" ht="57" x14ac:dyDescent="0.25">
      <c r="A1427" s="77" t="s">
        <v>2054</v>
      </c>
      <c r="B1427" s="100" t="s">
        <v>2055</v>
      </c>
      <c r="C1427" s="78" t="s">
        <v>2056</v>
      </c>
      <c r="D1427" s="70"/>
      <c r="E1427" s="113" t="s">
        <v>3121</v>
      </c>
    </row>
    <row r="1428" spans="1:5" ht="71.25" x14ac:dyDescent="0.25">
      <c r="A1428" s="77" t="s">
        <v>2057</v>
      </c>
      <c r="B1428" s="100" t="s">
        <v>2058</v>
      </c>
      <c r="C1428" s="78" t="s">
        <v>2059</v>
      </c>
      <c r="D1428" s="70"/>
      <c r="E1428" s="113" t="s">
        <v>3122</v>
      </c>
    </row>
    <row r="1429" spans="1:5" x14ac:dyDescent="0.25">
      <c r="A1429" s="282" t="s">
        <v>2060</v>
      </c>
      <c r="B1429" s="285" t="s">
        <v>2061</v>
      </c>
      <c r="C1429" s="288" t="s">
        <v>2062</v>
      </c>
      <c r="D1429" s="70"/>
      <c r="E1429" s="113" t="s">
        <v>2042</v>
      </c>
    </row>
    <row r="1430" spans="1:5" ht="25.5" x14ac:dyDescent="0.25">
      <c r="A1430" s="283"/>
      <c r="B1430" s="286"/>
      <c r="C1430" s="289"/>
      <c r="D1430" s="70"/>
      <c r="E1430" s="111" t="s">
        <v>3525</v>
      </c>
    </row>
    <row r="1431" spans="1:5" ht="25.5" x14ac:dyDescent="0.25">
      <c r="A1431" s="283"/>
      <c r="B1431" s="286"/>
      <c r="C1431" s="289"/>
      <c r="D1431" s="70"/>
      <c r="E1431" s="111" t="s">
        <v>3527</v>
      </c>
    </row>
    <row r="1432" spans="1:5" ht="23.25" customHeight="1" x14ac:dyDescent="0.25">
      <c r="A1432" s="283"/>
      <c r="B1432" s="286"/>
      <c r="C1432" s="289"/>
      <c r="D1432" s="70"/>
      <c r="E1432" s="111" t="s">
        <v>2042</v>
      </c>
    </row>
    <row r="1433" spans="1:5" x14ac:dyDescent="0.25">
      <c r="A1433" s="284"/>
      <c r="B1433" s="287"/>
      <c r="C1433" s="290"/>
      <c r="D1433" s="70"/>
      <c r="E1433" s="111" t="s">
        <v>2049</v>
      </c>
    </row>
    <row r="1434" spans="1:5" x14ac:dyDescent="0.25">
      <c r="A1434" s="291" t="s">
        <v>2063</v>
      </c>
      <c r="B1434" s="292"/>
      <c r="C1434" s="293"/>
      <c r="D1434" s="70"/>
      <c r="E1434" s="113"/>
    </row>
    <row r="1435" spans="1:5" ht="191.25" x14ac:dyDescent="0.25">
      <c r="A1435" s="77" t="s">
        <v>2064</v>
      </c>
      <c r="B1435" s="100" t="s">
        <v>2065</v>
      </c>
      <c r="C1435" s="78" t="s">
        <v>2066</v>
      </c>
      <c r="D1435" s="70"/>
      <c r="E1435" s="113" t="s">
        <v>3542</v>
      </c>
    </row>
    <row r="1436" spans="1:5" ht="128.25" x14ac:dyDescent="0.25">
      <c r="A1436" s="77" t="s">
        <v>2067</v>
      </c>
      <c r="B1436" s="100" t="s">
        <v>2068</v>
      </c>
      <c r="C1436" s="78" t="s">
        <v>2069</v>
      </c>
      <c r="D1436" s="70"/>
      <c r="E1436" s="113" t="s">
        <v>3588</v>
      </c>
    </row>
    <row r="1437" spans="1:5" x14ac:dyDescent="0.25">
      <c r="A1437" s="282" t="s">
        <v>2070</v>
      </c>
      <c r="B1437" s="285" t="s">
        <v>2071</v>
      </c>
      <c r="C1437" s="288" t="s">
        <v>2072</v>
      </c>
      <c r="D1437" s="70"/>
      <c r="E1437" s="113" t="s">
        <v>3589</v>
      </c>
    </row>
    <row r="1438" spans="1:5" x14ac:dyDescent="0.25">
      <c r="A1438" s="284"/>
      <c r="B1438" s="287"/>
      <c r="C1438" s="290"/>
      <c r="D1438" s="70"/>
      <c r="E1438" s="113"/>
    </row>
    <row r="1439" spans="1:5" x14ac:dyDescent="0.25">
      <c r="A1439" s="79"/>
      <c r="B1439" s="100"/>
      <c r="C1439" s="78"/>
      <c r="D1439" s="70"/>
      <c r="E1439" s="113"/>
    </row>
    <row r="1440" spans="1:5" x14ac:dyDescent="0.25">
      <c r="A1440" s="264" t="s">
        <v>2073</v>
      </c>
      <c r="B1440" s="266"/>
      <c r="C1440" s="78"/>
      <c r="D1440" s="70"/>
      <c r="E1440" s="113"/>
    </row>
    <row r="1441" spans="1:5" ht="25.5" x14ac:dyDescent="0.25">
      <c r="A1441" s="282" t="s">
        <v>2074</v>
      </c>
      <c r="B1441" s="285" t="s">
        <v>2075</v>
      </c>
      <c r="C1441" s="288" t="s">
        <v>2076</v>
      </c>
      <c r="D1441" s="70"/>
      <c r="E1441" s="111" t="s">
        <v>2077</v>
      </c>
    </row>
    <row r="1442" spans="1:5" x14ac:dyDescent="0.25">
      <c r="A1442" s="283"/>
      <c r="B1442" s="286"/>
      <c r="C1442" s="289"/>
      <c r="D1442" s="70"/>
      <c r="E1442" s="111" t="s">
        <v>3615</v>
      </c>
    </row>
    <row r="1443" spans="1:5" x14ac:dyDescent="0.25">
      <c r="A1443" s="283"/>
      <c r="B1443" s="286"/>
      <c r="C1443" s="289"/>
      <c r="D1443" s="70"/>
      <c r="E1443" s="111" t="s">
        <v>3616</v>
      </c>
    </row>
    <row r="1444" spans="1:5" x14ac:dyDescent="0.25">
      <c r="A1444" s="283"/>
      <c r="B1444" s="286"/>
      <c r="C1444" s="289"/>
      <c r="D1444" s="70"/>
      <c r="E1444" s="111" t="s">
        <v>3617</v>
      </c>
    </row>
    <row r="1445" spans="1:5" ht="25.5" x14ac:dyDescent="0.25">
      <c r="A1445" s="283"/>
      <c r="B1445" s="286"/>
      <c r="C1445" s="289"/>
      <c r="D1445" s="70"/>
      <c r="E1445" s="111" t="s">
        <v>3618</v>
      </c>
    </row>
    <row r="1446" spans="1:5" ht="54.75" customHeight="1" x14ac:dyDescent="0.25">
      <c r="A1446" s="283"/>
      <c r="B1446" s="286"/>
      <c r="C1446" s="289"/>
      <c r="D1446" s="70"/>
      <c r="E1446" s="111" t="s">
        <v>2078</v>
      </c>
    </row>
    <row r="1447" spans="1:5" ht="197.25" customHeight="1" x14ac:dyDescent="0.25">
      <c r="A1447" s="283"/>
      <c r="B1447" s="286"/>
      <c r="C1447" s="289"/>
      <c r="D1447" s="70"/>
      <c r="E1447" s="111" t="s">
        <v>2079</v>
      </c>
    </row>
    <row r="1448" spans="1:5" x14ac:dyDescent="0.25">
      <c r="A1448" s="284"/>
      <c r="B1448" s="287"/>
      <c r="C1448" s="290"/>
      <c r="D1448" s="70"/>
      <c r="E1448" s="113"/>
    </row>
    <row r="1449" spans="1:5" ht="128.25" x14ac:dyDescent="0.25">
      <c r="A1449" s="77" t="s">
        <v>2080</v>
      </c>
      <c r="B1449" s="100" t="s">
        <v>2081</v>
      </c>
      <c r="C1449" s="78" t="s">
        <v>2082</v>
      </c>
      <c r="D1449" s="70"/>
      <c r="E1449" s="113" t="s">
        <v>3123</v>
      </c>
    </row>
    <row r="1450" spans="1:5" x14ac:dyDescent="0.25">
      <c r="A1450" s="79"/>
      <c r="B1450" s="100"/>
      <c r="C1450" s="78"/>
      <c r="D1450" s="70"/>
      <c r="E1450" s="113"/>
    </row>
    <row r="1451" spans="1:5" x14ac:dyDescent="0.25">
      <c r="A1451" s="264" t="s">
        <v>2083</v>
      </c>
      <c r="B1451" s="266"/>
      <c r="C1451" s="78"/>
      <c r="D1451" s="70"/>
      <c r="E1451" s="113"/>
    </row>
    <row r="1452" spans="1:5" ht="142.5" x14ac:dyDescent="0.25">
      <c r="A1452" s="85" t="s">
        <v>2084</v>
      </c>
      <c r="B1452" s="101" t="s">
        <v>2085</v>
      </c>
      <c r="C1452" s="77" t="s">
        <v>3266</v>
      </c>
      <c r="D1452" s="70"/>
      <c r="E1452" s="112" t="s">
        <v>2086</v>
      </c>
    </row>
    <row r="1453" spans="1:5" ht="42.75" x14ac:dyDescent="0.25">
      <c r="A1453" s="77" t="s">
        <v>2087</v>
      </c>
      <c r="B1453" s="100" t="s">
        <v>2088</v>
      </c>
      <c r="C1453" s="78" t="s">
        <v>2089</v>
      </c>
      <c r="D1453" s="70"/>
      <c r="E1453" s="113" t="s">
        <v>3124</v>
      </c>
    </row>
    <row r="1454" spans="1:5" ht="99.75" x14ac:dyDescent="0.25">
      <c r="A1454" s="77" t="s">
        <v>2090</v>
      </c>
      <c r="B1454" s="100" t="s">
        <v>2091</v>
      </c>
      <c r="C1454" s="78" t="s">
        <v>2092</v>
      </c>
      <c r="D1454" s="70"/>
      <c r="E1454" s="113" t="s">
        <v>3125</v>
      </c>
    </row>
    <row r="1455" spans="1:5" ht="140.25" x14ac:dyDescent="0.25">
      <c r="A1455" s="85" t="s">
        <v>2093</v>
      </c>
      <c r="B1455" s="101" t="s">
        <v>2094</v>
      </c>
      <c r="C1455" s="86" t="s">
        <v>2095</v>
      </c>
      <c r="D1455" s="70"/>
      <c r="E1455" s="111" t="s">
        <v>3592</v>
      </c>
    </row>
    <row r="1456" spans="1:5" ht="99.75" x14ac:dyDescent="0.25">
      <c r="A1456" s="20" t="s">
        <v>2096</v>
      </c>
      <c r="B1456" s="103" t="s">
        <v>2097</v>
      </c>
      <c r="C1456" s="75" t="s">
        <v>2098</v>
      </c>
      <c r="D1456" s="70"/>
      <c r="E1456" s="111" t="s">
        <v>3596</v>
      </c>
    </row>
    <row r="1457" spans="1:5" x14ac:dyDescent="0.25">
      <c r="A1457" s="77" t="s">
        <v>2099</v>
      </c>
      <c r="B1457" s="100" t="s">
        <v>2100</v>
      </c>
      <c r="C1457" s="78"/>
      <c r="D1457" s="70"/>
      <c r="E1457" s="113"/>
    </row>
    <row r="1458" spans="1:5" ht="43.5" customHeight="1" x14ac:dyDescent="0.25">
      <c r="A1458" s="77" t="s">
        <v>2101</v>
      </c>
      <c r="B1458" s="100" t="s">
        <v>2102</v>
      </c>
      <c r="C1458" s="78" t="s">
        <v>2103</v>
      </c>
      <c r="D1458" s="70"/>
      <c r="E1458" s="113" t="s">
        <v>3597</v>
      </c>
    </row>
    <row r="1459" spans="1:5" ht="191.25" x14ac:dyDescent="0.25">
      <c r="A1459" s="85" t="s">
        <v>3265</v>
      </c>
      <c r="B1459" s="101" t="s">
        <v>2104</v>
      </c>
      <c r="C1459" s="86" t="s">
        <v>2105</v>
      </c>
      <c r="D1459" s="70"/>
      <c r="E1459" s="111" t="s">
        <v>3590</v>
      </c>
    </row>
    <row r="1460" spans="1:5" ht="71.25" x14ac:dyDescent="0.25">
      <c r="A1460" s="77" t="s">
        <v>2106</v>
      </c>
      <c r="B1460" s="100" t="s">
        <v>2107</v>
      </c>
      <c r="C1460" s="78" t="s">
        <v>2108</v>
      </c>
      <c r="D1460" s="70"/>
      <c r="E1460" s="113" t="s">
        <v>3126</v>
      </c>
    </row>
    <row r="1461" spans="1:5" ht="28.5" x14ac:dyDescent="0.25">
      <c r="A1461" s="40" t="s">
        <v>2960</v>
      </c>
      <c r="B1461" s="107" t="s">
        <v>2109</v>
      </c>
      <c r="D1461" s="60"/>
      <c r="E1461" s="113"/>
    </row>
    <row r="1462" spans="1:5" x14ac:dyDescent="0.25">
      <c r="A1462" s="42"/>
      <c r="B1462" s="104"/>
      <c r="C1462" s="43"/>
      <c r="D1462" s="64"/>
      <c r="E1462" s="55"/>
    </row>
    <row r="1463" spans="1:5" x14ac:dyDescent="0.25">
      <c r="A1463" s="272" t="s">
        <v>2110</v>
      </c>
      <c r="B1463" s="272"/>
      <c r="D1463" s="60"/>
      <c r="E1463" s="113"/>
    </row>
    <row r="1464" spans="1:5" ht="131.25" customHeight="1" x14ac:dyDescent="0.25">
      <c r="A1464" s="5" t="s">
        <v>2111</v>
      </c>
      <c r="B1464" s="100" t="s">
        <v>2112</v>
      </c>
      <c r="D1464" s="60"/>
      <c r="E1464" s="113"/>
    </row>
    <row r="1465" spans="1:5" ht="28.5" x14ac:dyDescent="0.25">
      <c r="A1465" s="5" t="s">
        <v>2113</v>
      </c>
      <c r="B1465" s="100" t="s">
        <v>2114</v>
      </c>
      <c r="C1465" s="4" t="s">
        <v>2115</v>
      </c>
      <c r="D1465" s="60" t="s">
        <v>2953</v>
      </c>
      <c r="E1465" s="113" t="s">
        <v>3127</v>
      </c>
    </row>
    <row r="1466" spans="1:5" ht="28.5" x14ac:dyDescent="0.25">
      <c r="A1466" s="5" t="s">
        <v>2116</v>
      </c>
      <c r="B1466" s="100" t="s">
        <v>2117</v>
      </c>
      <c r="C1466" s="4" t="s">
        <v>2118</v>
      </c>
      <c r="D1466" s="60" t="s">
        <v>2953</v>
      </c>
      <c r="E1466" s="113" t="s">
        <v>3089</v>
      </c>
    </row>
    <row r="1467" spans="1:5" ht="57" x14ac:dyDescent="0.25">
      <c r="A1467" s="5" t="s">
        <v>2119</v>
      </c>
      <c r="B1467" s="100" t="s">
        <v>2120</v>
      </c>
      <c r="C1467" s="4" t="s">
        <v>2121</v>
      </c>
      <c r="D1467" s="60" t="s">
        <v>2953</v>
      </c>
      <c r="E1467" s="113" t="s">
        <v>3128</v>
      </c>
    </row>
    <row r="1468" spans="1:5" x14ac:dyDescent="0.25">
      <c r="A1468" s="276" t="s">
        <v>2122</v>
      </c>
      <c r="B1468" s="277" t="s">
        <v>2123</v>
      </c>
      <c r="C1468" s="278" t="s">
        <v>2124</v>
      </c>
      <c r="D1468" s="279" t="s">
        <v>2953</v>
      </c>
      <c r="E1468" s="113" t="s">
        <v>3127</v>
      </c>
    </row>
    <row r="1469" spans="1:5" x14ac:dyDescent="0.25">
      <c r="A1469" s="276"/>
      <c r="B1469" s="277"/>
      <c r="C1469" s="278"/>
      <c r="D1469" s="279"/>
      <c r="E1469" s="111" t="s">
        <v>2125</v>
      </c>
    </row>
    <row r="1470" spans="1:5" x14ac:dyDescent="0.25">
      <c r="A1470" s="276"/>
      <c r="B1470" s="277"/>
      <c r="C1470" s="278"/>
      <c r="D1470" s="279"/>
      <c r="E1470" s="113"/>
    </row>
    <row r="1471" spans="1:5" x14ac:dyDescent="0.25">
      <c r="A1471" s="264" t="s">
        <v>2126</v>
      </c>
      <c r="B1471" s="265"/>
      <c r="C1471" s="265"/>
      <c r="D1471" s="265"/>
      <c r="E1471" s="266"/>
    </row>
    <row r="1472" spans="1:5" ht="93" customHeight="1" x14ac:dyDescent="0.25">
      <c r="A1472" s="5" t="s">
        <v>2127</v>
      </c>
      <c r="B1472" s="100" t="s">
        <v>2128</v>
      </c>
      <c r="C1472" s="4" t="s">
        <v>2129</v>
      </c>
      <c r="D1472" s="60" t="s">
        <v>2953</v>
      </c>
      <c r="E1472" s="111" t="s">
        <v>3235</v>
      </c>
    </row>
    <row r="1473" spans="1:5" ht="99.75" x14ac:dyDescent="0.25">
      <c r="A1473" s="5" t="s">
        <v>2132</v>
      </c>
      <c r="B1473" s="100" t="s">
        <v>2133</v>
      </c>
      <c r="C1473" s="4" t="s">
        <v>2134</v>
      </c>
      <c r="D1473" s="60" t="s">
        <v>2953</v>
      </c>
      <c r="E1473" s="111" t="s">
        <v>3234</v>
      </c>
    </row>
    <row r="1474" spans="1:5" ht="51" customHeight="1" x14ac:dyDescent="0.25">
      <c r="A1474" s="23" t="s">
        <v>2135</v>
      </c>
      <c r="B1474" s="101" t="s">
        <v>2136</v>
      </c>
      <c r="C1474" s="24" t="s">
        <v>2137</v>
      </c>
      <c r="D1474" s="61" t="s">
        <v>2953</v>
      </c>
      <c r="E1474" s="113" t="s">
        <v>3233</v>
      </c>
    </row>
    <row r="1475" spans="1:5" ht="38.25" x14ac:dyDescent="0.25">
      <c r="A1475" s="5" t="s">
        <v>2138</v>
      </c>
      <c r="B1475" s="100" t="s">
        <v>2139</v>
      </c>
      <c r="C1475" s="4" t="s">
        <v>2140</v>
      </c>
      <c r="D1475" s="60" t="s">
        <v>2953</v>
      </c>
      <c r="E1475" s="113" t="s">
        <v>3233</v>
      </c>
    </row>
    <row r="1476" spans="1:5" ht="114" x14ac:dyDescent="0.25">
      <c r="A1476" s="5" t="s">
        <v>2141</v>
      </c>
      <c r="B1476" s="100" t="s">
        <v>2142</v>
      </c>
      <c r="C1476" s="4" t="s">
        <v>2143</v>
      </c>
      <c r="D1476" s="60" t="s">
        <v>2953</v>
      </c>
      <c r="E1476" s="113" t="s">
        <v>3129</v>
      </c>
    </row>
    <row r="1477" spans="1:5" x14ac:dyDescent="0.25">
      <c r="A1477" s="264" t="s">
        <v>2144</v>
      </c>
      <c r="B1477" s="265"/>
      <c r="C1477" s="265"/>
      <c r="D1477" s="265"/>
      <c r="E1477" s="266"/>
    </row>
    <row r="1478" spans="1:5" ht="25.5" x14ac:dyDescent="0.25">
      <c r="A1478" s="276" t="s">
        <v>2145</v>
      </c>
      <c r="B1478" s="277" t="s">
        <v>2146</v>
      </c>
      <c r="C1478" s="278" t="s">
        <v>2147</v>
      </c>
      <c r="D1478" s="279" t="s">
        <v>2953</v>
      </c>
      <c r="E1478" s="111" t="s">
        <v>2148</v>
      </c>
    </row>
    <row r="1479" spans="1:5" x14ac:dyDescent="0.25">
      <c r="A1479" s="276"/>
      <c r="B1479" s="277"/>
      <c r="C1479" s="278"/>
      <c r="D1479" s="279"/>
      <c r="E1479" s="111" t="s">
        <v>2149</v>
      </c>
    </row>
    <row r="1480" spans="1:5" ht="25.5" x14ac:dyDescent="0.25">
      <c r="A1480" s="276"/>
      <c r="B1480" s="277"/>
      <c r="C1480" s="278"/>
      <c r="D1480" s="279"/>
      <c r="E1480" s="111" t="s">
        <v>2150</v>
      </c>
    </row>
    <row r="1481" spans="1:5" x14ac:dyDescent="0.25">
      <c r="A1481" s="276"/>
      <c r="B1481" s="277"/>
      <c r="C1481" s="278"/>
      <c r="D1481" s="279"/>
      <c r="E1481" s="113"/>
    </row>
    <row r="1482" spans="1:5" ht="48.75" customHeight="1" x14ac:dyDescent="0.25">
      <c r="A1482" s="276" t="s">
        <v>2151</v>
      </c>
      <c r="B1482" s="277" t="s">
        <v>2152</v>
      </c>
      <c r="C1482" s="278" t="s">
        <v>2153</v>
      </c>
      <c r="D1482" s="279" t="s">
        <v>2953</v>
      </c>
      <c r="E1482" s="111" t="s">
        <v>2131</v>
      </c>
    </row>
    <row r="1483" spans="1:5" x14ac:dyDescent="0.25">
      <c r="A1483" s="276"/>
      <c r="B1483" s="277"/>
      <c r="C1483" s="278"/>
      <c r="D1483" s="279"/>
      <c r="E1483" s="111" t="s">
        <v>2154</v>
      </c>
    </row>
    <row r="1484" spans="1:5" ht="74.25" customHeight="1" x14ac:dyDescent="0.25">
      <c r="A1484" s="276"/>
      <c r="B1484" s="277"/>
      <c r="C1484" s="278"/>
      <c r="D1484" s="279"/>
      <c r="E1484" s="113"/>
    </row>
    <row r="1485" spans="1:5" x14ac:dyDescent="0.25">
      <c r="A1485" s="276" t="s">
        <v>2155</v>
      </c>
      <c r="B1485" s="277" t="s">
        <v>2156</v>
      </c>
      <c r="C1485" s="278" t="s">
        <v>2157</v>
      </c>
      <c r="D1485" s="279" t="s">
        <v>2953</v>
      </c>
      <c r="E1485" s="280" t="s">
        <v>2158</v>
      </c>
    </row>
    <row r="1486" spans="1:5" x14ac:dyDescent="0.25">
      <c r="A1486" s="276"/>
      <c r="B1486" s="277"/>
      <c r="C1486" s="278"/>
      <c r="D1486" s="279"/>
      <c r="E1486" s="280"/>
    </row>
    <row r="1487" spans="1:5" x14ac:dyDescent="0.25">
      <c r="A1487" s="276" t="s">
        <v>2159</v>
      </c>
      <c r="B1487" s="277" t="s">
        <v>2160</v>
      </c>
      <c r="C1487" s="278" t="s">
        <v>2161</v>
      </c>
      <c r="D1487" s="279" t="s">
        <v>2953</v>
      </c>
      <c r="E1487" s="111" t="s">
        <v>2162</v>
      </c>
    </row>
    <row r="1488" spans="1:5" x14ac:dyDescent="0.25">
      <c r="A1488" s="276"/>
      <c r="B1488" s="277"/>
      <c r="C1488" s="278"/>
      <c r="D1488" s="279"/>
      <c r="E1488" s="111" t="s">
        <v>2163</v>
      </c>
    </row>
    <row r="1489" spans="1:5" ht="25.5" x14ac:dyDescent="0.25">
      <c r="A1489" s="276"/>
      <c r="B1489" s="277"/>
      <c r="C1489" s="278"/>
      <c r="D1489" s="279"/>
      <c r="E1489" s="111" t="s">
        <v>2130</v>
      </c>
    </row>
    <row r="1490" spans="1:5" ht="25.5" x14ac:dyDescent="0.25">
      <c r="A1490" s="276"/>
      <c r="B1490" s="277"/>
      <c r="C1490" s="278"/>
      <c r="D1490" s="279"/>
      <c r="E1490" s="111" t="s">
        <v>2150</v>
      </c>
    </row>
    <row r="1491" spans="1:5" x14ac:dyDescent="0.25">
      <c r="A1491" s="276"/>
      <c r="B1491" s="277"/>
      <c r="C1491" s="278"/>
      <c r="D1491" s="279"/>
      <c r="E1491" s="113"/>
    </row>
    <row r="1492" spans="1:5" x14ac:dyDescent="0.25">
      <c r="A1492" s="264" t="s">
        <v>2164</v>
      </c>
      <c r="B1492" s="265"/>
      <c r="C1492" s="265"/>
      <c r="D1492" s="265"/>
      <c r="E1492" s="266"/>
    </row>
    <row r="1493" spans="1:5" x14ac:dyDescent="0.25">
      <c r="A1493" s="276" t="s">
        <v>2165</v>
      </c>
      <c r="B1493" s="277" t="s">
        <v>2166</v>
      </c>
      <c r="C1493" s="278" t="s">
        <v>2167</v>
      </c>
      <c r="D1493" s="279" t="s">
        <v>2953</v>
      </c>
      <c r="E1493" s="281" t="s">
        <v>3130</v>
      </c>
    </row>
    <row r="1494" spans="1:5" x14ac:dyDescent="0.25">
      <c r="A1494" s="276"/>
      <c r="B1494" s="277"/>
      <c r="C1494" s="278"/>
      <c r="D1494" s="279"/>
      <c r="E1494" s="281"/>
    </row>
    <row r="1495" spans="1:5" ht="114" x14ac:dyDescent="0.25">
      <c r="A1495" s="5" t="s">
        <v>2168</v>
      </c>
      <c r="B1495" s="100" t="s">
        <v>2169</v>
      </c>
      <c r="C1495" s="4" t="s">
        <v>2170</v>
      </c>
      <c r="D1495" s="60" t="s">
        <v>2953</v>
      </c>
      <c r="E1495" s="113" t="s">
        <v>3131</v>
      </c>
    </row>
    <row r="1496" spans="1:5" ht="57" x14ac:dyDescent="0.25">
      <c r="A1496" s="5" t="s">
        <v>2171</v>
      </c>
      <c r="B1496" s="100" t="s">
        <v>2172</v>
      </c>
      <c r="C1496" s="4" t="s">
        <v>2173</v>
      </c>
      <c r="D1496" s="60" t="s">
        <v>2953</v>
      </c>
      <c r="E1496" s="113" t="s">
        <v>3132</v>
      </c>
    </row>
    <row r="1497" spans="1:5" ht="28.5" x14ac:dyDescent="0.25">
      <c r="A1497" s="5" t="s">
        <v>2174</v>
      </c>
      <c r="B1497" s="100" t="s">
        <v>2175</v>
      </c>
      <c r="C1497" s="4" t="s">
        <v>2176</v>
      </c>
      <c r="D1497" s="60" t="s">
        <v>2953</v>
      </c>
      <c r="E1497" s="113" t="s">
        <v>3132</v>
      </c>
    </row>
    <row r="1498" spans="1:5" ht="57" x14ac:dyDescent="0.25">
      <c r="A1498" s="5" t="s">
        <v>2177</v>
      </c>
      <c r="B1498" s="100" t="s">
        <v>2178</v>
      </c>
      <c r="C1498" s="4" t="s">
        <v>2179</v>
      </c>
      <c r="D1498" s="60" t="s">
        <v>2953</v>
      </c>
      <c r="E1498" s="113" t="s">
        <v>3133</v>
      </c>
    </row>
    <row r="1499" spans="1:5" ht="28.5" x14ac:dyDescent="0.25">
      <c r="A1499" s="5" t="s">
        <v>2180</v>
      </c>
      <c r="B1499" s="100" t="s">
        <v>2181</v>
      </c>
      <c r="C1499" s="4" t="s">
        <v>2182</v>
      </c>
      <c r="D1499" s="60" t="s">
        <v>2953</v>
      </c>
      <c r="E1499" s="113" t="s">
        <v>2954</v>
      </c>
    </row>
    <row r="1500" spans="1:5" ht="57" x14ac:dyDescent="0.25">
      <c r="A1500" s="5" t="s">
        <v>2183</v>
      </c>
      <c r="B1500" s="100" t="s">
        <v>2184</v>
      </c>
      <c r="C1500" s="4" t="s">
        <v>2185</v>
      </c>
      <c r="D1500" s="60" t="s">
        <v>2953</v>
      </c>
      <c r="E1500" s="113" t="s">
        <v>2955</v>
      </c>
    </row>
    <row r="1501" spans="1:5" x14ac:dyDescent="0.25">
      <c r="A1501" s="264" t="s">
        <v>2186</v>
      </c>
      <c r="B1501" s="265"/>
      <c r="C1501" s="265"/>
      <c r="D1501" s="265"/>
      <c r="E1501" s="266"/>
    </row>
    <row r="1502" spans="1:5" ht="114" x14ac:dyDescent="0.25">
      <c r="A1502" s="5" t="s">
        <v>2187</v>
      </c>
      <c r="B1502" s="100" t="s">
        <v>2188</v>
      </c>
      <c r="C1502" s="4" t="s">
        <v>2189</v>
      </c>
      <c r="D1502" s="60" t="s">
        <v>2953</v>
      </c>
      <c r="E1502" s="111" t="s">
        <v>3229</v>
      </c>
    </row>
    <row r="1503" spans="1:5" ht="34.5" customHeight="1" x14ac:dyDescent="0.25">
      <c r="A1503" s="5" t="s">
        <v>2191</v>
      </c>
      <c r="B1503" s="100" t="s">
        <v>2192</v>
      </c>
      <c r="C1503" s="4" t="s">
        <v>2957</v>
      </c>
      <c r="D1503" s="60" t="s">
        <v>2953</v>
      </c>
      <c r="E1503" s="111" t="s">
        <v>2956</v>
      </c>
    </row>
    <row r="1504" spans="1:5" ht="42.75" x14ac:dyDescent="0.25">
      <c r="A1504" s="5" t="s">
        <v>2193</v>
      </c>
      <c r="B1504" s="100" t="s">
        <v>2194</v>
      </c>
      <c r="C1504" s="47" t="s">
        <v>2958</v>
      </c>
      <c r="D1504" s="60" t="s">
        <v>2953</v>
      </c>
      <c r="E1504" s="111" t="s">
        <v>2190</v>
      </c>
    </row>
    <row r="1505" spans="1:6" x14ac:dyDescent="0.25">
      <c r="A1505" s="264" t="s">
        <v>2195</v>
      </c>
      <c r="B1505" s="265"/>
      <c r="C1505" s="265"/>
      <c r="D1505" s="265"/>
      <c r="E1505" s="266"/>
    </row>
    <row r="1506" spans="1:6" ht="90.75" customHeight="1" x14ac:dyDescent="0.25">
      <c r="A1506" s="5" t="s">
        <v>2196</v>
      </c>
      <c r="B1506" s="100" t="s">
        <v>2197</v>
      </c>
      <c r="C1506" s="4" t="s">
        <v>2198</v>
      </c>
      <c r="D1506" s="60" t="s">
        <v>2953</v>
      </c>
      <c r="E1506" s="111" t="s">
        <v>3230</v>
      </c>
    </row>
    <row r="1507" spans="1:6" ht="51" x14ac:dyDescent="0.25">
      <c r="A1507" s="5" t="s">
        <v>2199</v>
      </c>
      <c r="B1507" s="100" t="s">
        <v>2200</v>
      </c>
      <c r="C1507" s="4" t="s">
        <v>2914</v>
      </c>
      <c r="D1507" s="60" t="s">
        <v>2953</v>
      </c>
      <c r="E1507" s="111" t="s">
        <v>3212</v>
      </c>
    </row>
    <row r="1508" spans="1:6" ht="30.75" customHeight="1" x14ac:dyDescent="0.25">
      <c r="A1508" s="5" t="s">
        <v>2202</v>
      </c>
      <c r="B1508" s="100" t="s">
        <v>2203</v>
      </c>
      <c r="C1508" s="4" t="s">
        <v>2915</v>
      </c>
      <c r="D1508" s="60" t="s">
        <v>2953</v>
      </c>
      <c r="E1508" s="111" t="s">
        <v>3211</v>
      </c>
    </row>
    <row r="1509" spans="1:6" ht="38.25" x14ac:dyDescent="0.25">
      <c r="A1509" s="5" t="s">
        <v>2205</v>
      </c>
      <c r="B1509" s="100" t="s">
        <v>2206</v>
      </c>
      <c r="C1509" s="4" t="s">
        <v>2916</v>
      </c>
      <c r="D1509" s="60" t="s">
        <v>2953</v>
      </c>
      <c r="E1509" s="111" t="s">
        <v>3211</v>
      </c>
    </row>
    <row r="1510" spans="1:6" ht="28.5" x14ac:dyDescent="0.25">
      <c r="A1510" s="5" t="s">
        <v>2207</v>
      </c>
      <c r="B1510" s="100" t="s">
        <v>2208</v>
      </c>
      <c r="C1510" s="4" t="s">
        <v>2917</v>
      </c>
      <c r="D1510" s="60" t="s">
        <v>2953</v>
      </c>
      <c r="E1510" s="111" t="s">
        <v>2204</v>
      </c>
    </row>
    <row r="1511" spans="1:6" ht="28.5" x14ac:dyDescent="0.25">
      <c r="A1511" s="5" t="s">
        <v>2209</v>
      </c>
      <c r="B1511" s="100" t="s">
        <v>2210</v>
      </c>
      <c r="D1511" s="60" t="s">
        <v>2953</v>
      </c>
      <c r="E1511" s="111" t="s">
        <v>2204</v>
      </c>
    </row>
    <row r="1512" spans="1:6" x14ac:dyDescent="0.25">
      <c r="A1512" s="276" t="s">
        <v>2211</v>
      </c>
      <c r="B1512" s="277" t="s">
        <v>2212</v>
      </c>
      <c r="C1512" s="278" t="s">
        <v>2213</v>
      </c>
      <c r="D1512" s="279" t="s">
        <v>2953</v>
      </c>
      <c r="E1512" s="280" t="s">
        <v>2214</v>
      </c>
    </row>
    <row r="1513" spans="1:6" x14ac:dyDescent="0.25">
      <c r="A1513" s="276"/>
      <c r="B1513" s="277"/>
      <c r="C1513" s="278"/>
      <c r="D1513" s="279"/>
      <c r="E1513" s="280"/>
    </row>
    <row r="1514" spans="1:6" x14ac:dyDescent="0.25">
      <c r="A1514" s="276" t="s">
        <v>2215</v>
      </c>
      <c r="B1514" s="277" t="s">
        <v>2216</v>
      </c>
      <c r="C1514" s="278" t="s">
        <v>2217</v>
      </c>
      <c r="D1514" s="279" t="s">
        <v>2959</v>
      </c>
      <c r="E1514" s="280" t="s">
        <v>2218</v>
      </c>
    </row>
    <row r="1515" spans="1:6" x14ac:dyDescent="0.25">
      <c r="A1515" s="276"/>
      <c r="B1515" s="277"/>
      <c r="C1515" s="278"/>
      <c r="D1515" s="279"/>
      <c r="E1515" s="280"/>
    </row>
    <row r="1516" spans="1:6" x14ac:dyDescent="0.25">
      <c r="A1516" s="264" t="s">
        <v>2219</v>
      </c>
      <c r="B1516" s="265"/>
      <c r="C1516" s="265"/>
      <c r="D1516" s="265"/>
      <c r="E1516" s="266"/>
    </row>
    <row r="1517" spans="1:6" ht="128.25" x14ac:dyDescent="0.25">
      <c r="A1517" s="5" t="s">
        <v>2220</v>
      </c>
      <c r="B1517" s="100" t="s">
        <v>2221</v>
      </c>
      <c r="C1517" s="4" t="s">
        <v>2222</v>
      </c>
      <c r="D1517" s="60" t="s">
        <v>2953</v>
      </c>
      <c r="E1517" s="113" t="s">
        <v>3134</v>
      </c>
    </row>
    <row r="1518" spans="1:6" ht="101.25" customHeight="1" x14ac:dyDescent="0.25">
      <c r="A1518" s="5" t="s">
        <v>2223</v>
      </c>
      <c r="B1518" s="100" t="s">
        <v>2224</v>
      </c>
      <c r="C1518" s="4" t="s">
        <v>2225</v>
      </c>
      <c r="D1518" s="60" t="s">
        <v>2953</v>
      </c>
      <c r="E1518" s="111" t="s">
        <v>3231</v>
      </c>
    </row>
    <row r="1519" spans="1:6" x14ac:dyDescent="0.25">
      <c r="A1519" s="276" t="s">
        <v>2226</v>
      </c>
      <c r="B1519" s="277" t="s">
        <v>2227</v>
      </c>
      <c r="C1519" s="278" t="s">
        <v>2228</v>
      </c>
      <c r="D1519" s="279" t="s">
        <v>2953</v>
      </c>
      <c r="E1519" s="281" t="s">
        <v>3090</v>
      </c>
      <c r="F1519" s="37" t="s">
        <v>2891</v>
      </c>
    </row>
    <row r="1520" spans="1:6" x14ac:dyDescent="0.25">
      <c r="A1520" s="276"/>
      <c r="B1520" s="277"/>
      <c r="C1520" s="278"/>
      <c r="D1520" s="279"/>
      <c r="E1520" s="281"/>
    </row>
    <row r="1521" spans="1:5" ht="42.75" x14ac:dyDescent="0.25">
      <c r="A1521" s="5" t="s">
        <v>2229</v>
      </c>
      <c r="B1521" s="100" t="s">
        <v>2230</v>
      </c>
      <c r="C1521" s="4" t="s">
        <v>2231</v>
      </c>
      <c r="D1521" s="60" t="s">
        <v>2953</v>
      </c>
      <c r="E1521" s="113" t="s">
        <v>2962</v>
      </c>
    </row>
    <row r="1522" spans="1:5" x14ac:dyDescent="0.25">
      <c r="A1522" s="40" t="s">
        <v>2557</v>
      </c>
      <c r="B1522" s="107" t="s">
        <v>2232</v>
      </c>
      <c r="D1522" s="60"/>
      <c r="E1522" s="113"/>
    </row>
    <row r="1523" spans="1:5" x14ac:dyDescent="0.25">
      <c r="A1523" s="42"/>
      <c r="B1523" s="104"/>
      <c r="C1523" s="43"/>
      <c r="D1523" s="64"/>
      <c r="E1523" s="55"/>
    </row>
    <row r="1524" spans="1:5" x14ac:dyDescent="0.25">
      <c r="A1524" s="264" t="s">
        <v>2233</v>
      </c>
      <c r="B1524" s="265"/>
      <c r="C1524" s="265"/>
      <c r="D1524" s="265"/>
      <c r="E1524" s="266"/>
    </row>
    <row r="1525" spans="1:5" ht="85.5" x14ac:dyDescent="0.25">
      <c r="A1525" s="5" t="s">
        <v>2234</v>
      </c>
      <c r="B1525" s="100" t="s">
        <v>2235</v>
      </c>
      <c r="C1525" s="4" t="s">
        <v>2236</v>
      </c>
      <c r="D1525" s="60" t="s">
        <v>2953</v>
      </c>
      <c r="E1525" s="113" t="s">
        <v>3232</v>
      </c>
    </row>
    <row r="1526" spans="1:5" x14ac:dyDescent="0.25">
      <c r="A1526" s="276" t="s">
        <v>2237</v>
      </c>
      <c r="B1526" s="277" t="s">
        <v>2238</v>
      </c>
      <c r="C1526" s="278" t="s">
        <v>2239</v>
      </c>
      <c r="D1526" s="279" t="s">
        <v>2953</v>
      </c>
      <c r="E1526" s="281" t="s">
        <v>3614</v>
      </c>
    </row>
    <row r="1527" spans="1:5" ht="60.75" customHeight="1" x14ac:dyDescent="0.25">
      <c r="A1527" s="276"/>
      <c r="B1527" s="277"/>
      <c r="C1527" s="278"/>
      <c r="D1527" s="279"/>
      <c r="E1527" s="281"/>
    </row>
    <row r="1528" spans="1:5" x14ac:dyDescent="0.25">
      <c r="A1528" s="276" t="s">
        <v>2240</v>
      </c>
      <c r="B1528" s="277" t="s">
        <v>2241</v>
      </c>
      <c r="C1528" s="278" t="s">
        <v>2963</v>
      </c>
      <c r="D1528" s="279" t="s">
        <v>2953</v>
      </c>
      <c r="E1528" s="113" t="s">
        <v>3135</v>
      </c>
    </row>
    <row r="1529" spans="1:5" ht="25.5" x14ac:dyDescent="0.25">
      <c r="A1529" s="276"/>
      <c r="B1529" s="277"/>
      <c r="C1529" s="278"/>
      <c r="D1529" s="279"/>
      <c r="E1529" s="111" t="s">
        <v>2242</v>
      </c>
    </row>
    <row r="1530" spans="1:5" ht="25.5" x14ac:dyDescent="0.25">
      <c r="A1530" s="276"/>
      <c r="B1530" s="277"/>
      <c r="C1530" s="278"/>
      <c r="D1530" s="279"/>
      <c r="E1530" s="111" t="s">
        <v>2243</v>
      </c>
    </row>
    <row r="1531" spans="1:5" ht="42.75" x14ac:dyDescent="0.25">
      <c r="A1531" s="5" t="s">
        <v>2244</v>
      </c>
      <c r="B1531" s="100" t="s">
        <v>2245</v>
      </c>
      <c r="C1531" s="4" t="s">
        <v>2965</v>
      </c>
      <c r="D1531" s="60" t="s">
        <v>2953</v>
      </c>
      <c r="E1531" s="113" t="s">
        <v>2964</v>
      </c>
    </row>
    <row r="1532" spans="1:5" x14ac:dyDescent="0.25">
      <c r="A1532" s="272" t="s">
        <v>2246</v>
      </c>
      <c r="B1532" s="272"/>
      <c r="D1532" s="60"/>
      <c r="E1532" s="113"/>
    </row>
    <row r="1533" spans="1:5" ht="85.5" x14ac:dyDescent="0.25">
      <c r="A1533" s="5" t="s">
        <v>2889</v>
      </c>
      <c r="B1533" s="100" t="s">
        <v>2890</v>
      </c>
      <c r="C1533" s="4" t="s">
        <v>2892</v>
      </c>
      <c r="D1533" s="60" t="s">
        <v>22</v>
      </c>
      <c r="E1533" s="113" t="s">
        <v>1832</v>
      </c>
    </row>
    <row r="1534" spans="1:5" ht="127.5" x14ac:dyDescent="0.25">
      <c r="A1534" s="20" t="s">
        <v>2247</v>
      </c>
      <c r="B1534" s="103" t="s">
        <v>2248</v>
      </c>
      <c r="C1534" s="75" t="s">
        <v>2249</v>
      </c>
      <c r="D1534" s="62" t="s">
        <v>22</v>
      </c>
      <c r="E1534" s="111" t="s">
        <v>3254</v>
      </c>
    </row>
    <row r="1535" spans="1:5" ht="28.5" x14ac:dyDescent="0.25">
      <c r="A1535" s="5" t="s">
        <v>3049</v>
      </c>
      <c r="B1535" s="100" t="s">
        <v>3050</v>
      </c>
      <c r="C1535" s="5" t="s">
        <v>3051</v>
      </c>
      <c r="D1535" s="60" t="s">
        <v>2697</v>
      </c>
      <c r="E1535" s="113" t="s">
        <v>3052</v>
      </c>
    </row>
    <row r="1536" spans="1:5" ht="42.75" x14ac:dyDescent="0.25">
      <c r="A1536" s="5" t="s">
        <v>2250</v>
      </c>
      <c r="B1536" s="100" t="s">
        <v>2251</v>
      </c>
      <c r="C1536" s="4" t="s">
        <v>2252</v>
      </c>
      <c r="D1536" s="60" t="s">
        <v>22</v>
      </c>
      <c r="E1536" s="113" t="s">
        <v>3136</v>
      </c>
    </row>
    <row r="1537" spans="1:5" ht="85.5" x14ac:dyDescent="0.25">
      <c r="A1537" s="20" t="s">
        <v>2253</v>
      </c>
      <c r="B1537" s="103" t="s">
        <v>2254</v>
      </c>
      <c r="C1537" s="75" t="s">
        <v>2255</v>
      </c>
      <c r="D1537" s="62" t="s">
        <v>2256</v>
      </c>
      <c r="E1537" s="113" t="s">
        <v>3253</v>
      </c>
    </row>
    <row r="1538" spans="1:5" ht="71.25" x14ac:dyDescent="0.25">
      <c r="A1538" s="5" t="s">
        <v>2257</v>
      </c>
      <c r="B1538" s="100" t="s">
        <v>2258</v>
      </c>
      <c r="C1538" s="4" t="s">
        <v>2259</v>
      </c>
      <c r="D1538" s="60" t="s">
        <v>2256</v>
      </c>
      <c r="E1538" s="113" t="s">
        <v>3137</v>
      </c>
    </row>
    <row r="1539" spans="1:5" ht="42.75" x14ac:dyDescent="0.25">
      <c r="A1539" s="5" t="s">
        <v>2260</v>
      </c>
      <c r="B1539" s="100" t="s">
        <v>2261</v>
      </c>
      <c r="C1539" s="4" t="s">
        <v>2262</v>
      </c>
      <c r="D1539" s="60" t="s">
        <v>22</v>
      </c>
      <c r="E1539" s="113" t="s">
        <v>3138</v>
      </c>
    </row>
    <row r="1540" spans="1:5" ht="42.75" x14ac:dyDescent="0.25">
      <c r="A1540" s="5" t="s">
        <v>2263</v>
      </c>
      <c r="B1540" s="100" t="s">
        <v>2264</v>
      </c>
      <c r="C1540" s="4" t="s">
        <v>2265</v>
      </c>
      <c r="D1540" s="60" t="s">
        <v>2266</v>
      </c>
      <c r="E1540" s="113" t="s">
        <v>3139</v>
      </c>
    </row>
    <row r="1541" spans="1:5" ht="114" x14ac:dyDescent="0.25">
      <c r="A1541" s="74" t="s">
        <v>2267</v>
      </c>
      <c r="B1541" s="108" t="s">
        <v>2268</v>
      </c>
      <c r="C1541" s="73" t="s">
        <v>2269</v>
      </c>
      <c r="D1541" s="72" t="s">
        <v>22</v>
      </c>
      <c r="E1541" s="111" t="s">
        <v>3604</v>
      </c>
    </row>
    <row r="1542" spans="1:5" ht="42.75" x14ac:dyDescent="0.25">
      <c r="A1542" s="20" t="s">
        <v>2272</v>
      </c>
      <c r="B1542" s="103" t="s">
        <v>2273</v>
      </c>
      <c r="C1542" s="75" t="s">
        <v>2274</v>
      </c>
      <c r="D1542" s="62" t="s">
        <v>2953</v>
      </c>
      <c r="E1542" s="76" t="s">
        <v>2275</v>
      </c>
    </row>
    <row r="1543" spans="1:5" ht="34.5" customHeight="1" x14ac:dyDescent="0.25">
      <c r="A1543" s="5" t="s">
        <v>3060</v>
      </c>
      <c r="B1543" s="100" t="s">
        <v>3061</v>
      </c>
      <c r="C1543" s="5" t="s">
        <v>3051</v>
      </c>
      <c r="D1543" s="60" t="s">
        <v>2697</v>
      </c>
      <c r="E1543" s="113" t="s">
        <v>3624</v>
      </c>
    </row>
    <row r="1544" spans="1:5" x14ac:dyDescent="0.25">
      <c r="A1544" s="264" t="s">
        <v>2276</v>
      </c>
      <c r="B1544" s="265"/>
      <c r="C1544" s="265"/>
      <c r="D1544" s="265"/>
      <c r="E1544" s="266"/>
    </row>
    <row r="1545" spans="1:5" ht="89.25" x14ac:dyDescent="0.25">
      <c r="A1545" s="74" t="s">
        <v>2277</v>
      </c>
      <c r="B1545" s="108" t="s">
        <v>2278</v>
      </c>
      <c r="C1545" s="73" t="s">
        <v>2279</v>
      </c>
      <c r="D1545" s="72" t="s">
        <v>2953</v>
      </c>
      <c r="E1545" s="113" t="s">
        <v>3611</v>
      </c>
    </row>
    <row r="1546" spans="1:5" ht="28.5" x14ac:dyDescent="0.25">
      <c r="A1546" s="20" t="s">
        <v>2280</v>
      </c>
      <c r="B1546" s="103" t="s">
        <v>2281</v>
      </c>
      <c r="C1546" s="75" t="s">
        <v>2282</v>
      </c>
      <c r="D1546" s="62" t="s">
        <v>2953</v>
      </c>
      <c r="E1546" s="113" t="s">
        <v>3251</v>
      </c>
    </row>
    <row r="1547" spans="1:5" ht="41.25" customHeight="1" x14ac:dyDescent="0.25">
      <c r="A1547" s="20" t="s">
        <v>2283</v>
      </c>
      <c r="B1547" s="103" t="s">
        <v>2284</v>
      </c>
      <c r="C1547" s="75" t="s">
        <v>2285</v>
      </c>
      <c r="D1547" s="62" t="s">
        <v>2953</v>
      </c>
      <c r="E1547" s="111" t="s">
        <v>3252</v>
      </c>
    </row>
    <row r="1548" spans="1:5" x14ac:dyDescent="0.25">
      <c r="A1548" s="276" t="s">
        <v>2286</v>
      </c>
      <c r="B1548" s="277" t="s">
        <v>2287</v>
      </c>
      <c r="C1548" s="278" t="s">
        <v>2288</v>
      </c>
      <c r="D1548" s="279" t="s">
        <v>2953</v>
      </c>
      <c r="E1548" s="113" t="s">
        <v>3140</v>
      </c>
    </row>
    <row r="1549" spans="1:5" ht="36" customHeight="1" x14ac:dyDescent="0.25">
      <c r="A1549" s="276"/>
      <c r="B1549" s="277"/>
      <c r="C1549" s="278"/>
      <c r="D1549" s="279"/>
      <c r="E1549" s="111" t="s">
        <v>3536</v>
      </c>
    </row>
    <row r="1550" spans="1:5" ht="211.5" customHeight="1" x14ac:dyDescent="0.25">
      <c r="A1550" s="276"/>
      <c r="B1550" s="277"/>
      <c r="C1550" s="278"/>
      <c r="D1550" s="279"/>
      <c r="E1550" s="111" t="s">
        <v>2289</v>
      </c>
    </row>
    <row r="1551" spans="1:5" x14ac:dyDescent="0.25">
      <c r="A1551" s="276"/>
      <c r="B1551" s="277"/>
      <c r="C1551" s="278"/>
      <c r="D1551" s="279"/>
      <c r="E1551" s="113"/>
    </row>
    <row r="1552" spans="1:5" ht="28.5" x14ac:dyDescent="0.25">
      <c r="A1552" s="5" t="s">
        <v>2290</v>
      </c>
      <c r="B1552" s="100" t="s">
        <v>2291</v>
      </c>
      <c r="C1552" s="4" t="s">
        <v>2292</v>
      </c>
      <c r="D1552" s="60" t="s">
        <v>2953</v>
      </c>
      <c r="E1552" s="113" t="s">
        <v>3140</v>
      </c>
    </row>
    <row r="1553" spans="1:5" x14ac:dyDescent="0.25">
      <c r="A1553" s="276" t="s">
        <v>2293</v>
      </c>
      <c r="B1553" s="277" t="s">
        <v>2294</v>
      </c>
      <c r="C1553" s="278" t="s">
        <v>2295</v>
      </c>
      <c r="D1553" s="279" t="s">
        <v>2953</v>
      </c>
      <c r="E1553" s="113" t="s">
        <v>3141</v>
      </c>
    </row>
    <row r="1554" spans="1:5" x14ac:dyDescent="0.25">
      <c r="A1554" s="276"/>
      <c r="B1554" s="277"/>
      <c r="C1554" s="278"/>
      <c r="D1554" s="279"/>
      <c r="E1554" s="111" t="s">
        <v>2296</v>
      </c>
    </row>
    <row r="1555" spans="1:5" x14ac:dyDescent="0.25">
      <c r="A1555" s="276"/>
      <c r="B1555" s="277"/>
      <c r="C1555" s="278"/>
      <c r="D1555" s="279"/>
      <c r="E1555" s="113"/>
    </row>
    <row r="1556" spans="1:5" ht="113.25" customHeight="1" x14ac:dyDescent="0.25">
      <c r="A1556" s="5" t="s">
        <v>2297</v>
      </c>
      <c r="B1556" s="100" t="s">
        <v>2298</v>
      </c>
      <c r="C1556" s="4" t="s">
        <v>2299</v>
      </c>
      <c r="D1556" s="60" t="s">
        <v>2953</v>
      </c>
      <c r="E1556" s="113" t="s">
        <v>2310</v>
      </c>
    </row>
    <row r="1557" spans="1:5" ht="82.5" customHeight="1" x14ac:dyDescent="0.25">
      <c r="A1557" s="5" t="s">
        <v>2300</v>
      </c>
      <c r="B1557" s="100" t="s">
        <v>2301</v>
      </c>
      <c r="C1557" s="4" t="s">
        <v>2302</v>
      </c>
      <c r="D1557" s="60" t="s">
        <v>2953</v>
      </c>
      <c r="E1557" s="113" t="s">
        <v>3142</v>
      </c>
    </row>
    <row r="1558" spans="1:5" ht="65.25" customHeight="1" x14ac:dyDescent="0.25">
      <c r="A1558" s="276" t="s">
        <v>2303</v>
      </c>
      <c r="B1558" s="277" t="s">
        <v>2304</v>
      </c>
      <c r="C1558" s="278" t="s">
        <v>2305</v>
      </c>
      <c r="D1558" s="279" t="s">
        <v>2953</v>
      </c>
      <c r="E1558" s="280" t="s">
        <v>2306</v>
      </c>
    </row>
    <row r="1559" spans="1:5" x14ac:dyDescent="0.25">
      <c r="A1559" s="276"/>
      <c r="B1559" s="277"/>
      <c r="C1559" s="278"/>
      <c r="D1559" s="279"/>
      <c r="E1559" s="280"/>
    </row>
    <row r="1560" spans="1:5" x14ac:dyDescent="0.25">
      <c r="A1560" s="276" t="s">
        <v>2307</v>
      </c>
      <c r="B1560" s="277" t="s">
        <v>2308</v>
      </c>
      <c r="C1560" s="278" t="s">
        <v>2309</v>
      </c>
      <c r="D1560" s="279" t="s">
        <v>2953</v>
      </c>
      <c r="E1560" s="280" t="s">
        <v>2310</v>
      </c>
    </row>
    <row r="1561" spans="1:5" x14ac:dyDescent="0.25">
      <c r="A1561" s="276"/>
      <c r="B1561" s="277"/>
      <c r="C1561" s="278"/>
      <c r="D1561" s="279"/>
      <c r="E1561" s="280"/>
    </row>
    <row r="1562" spans="1:5" ht="165.75" x14ac:dyDescent="0.25">
      <c r="A1562" s="20" t="s">
        <v>2311</v>
      </c>
      <c r="B1562" s="103" t="s">
        <v>2312</v>
      </c>
      <c r="C1562" s="75" t="s">
        <v>3300</v>
      </c>
      <c r="D1562" s="62" t="s">
        <v>2953</v>
      </c>
      <c r="E1562" s="111" t="s">
        <v>3606</v>
      </c>
    </row>
    <row r="1563" spans="1:5" ht="71.25" x14ac:dyDescent="0.25">
      <c r="A1563" s="5" t="s">
        <v>2313</v>
      </c>
      <c r="B1563" s="100" t="s">
        <v>2314</v>
      </c>
      <c r="C1563" s="4" t="s">
        <v>2315</v>
      </c>
      <c r="D1563" s="60" t="s">
        <v>2953</v>
      </c>
      <c r="E1563" s="111" t="s">
        <v>3210</v>
      </c>
    </row>
    <row r="1564" spans="1:5" ht="99.75" x14ac:dyDescent="0.25">
      <c r="A1564" s="5" t="s">
        <v>2316</v>
      </c>
      <c r="B1564" s="100" t="s">
        <v>2317</v>
      </c>
      <c r="C1564" s="4" t="s">
        <v>2318</v>
      </c>
      <c r="D1564" s="60" t="s">
        <v>2966</v>
      </c>
      <c r="E1564" s="113" t="s">
        <v>3143</v>
      </c>
    </row>
    <row r="1565" spans="1:5" ht="166.5" customHeight="1" x14ac:dyDescent="0.25">
      <c r="A1565" s="5" t="s">
        <v>2319</v>
      </c>
      <c r="B1565" s="100" t="s">
        <v>2320</v>
      </c>
      <c r="C1565" s="4" t="s">
        <v>2321</v>
      </c>
      <c r="D1565" s="60" t="s">
        <v>2966</v>
      </c>
      <c r="E1565" s="113" t="s">
        <v>3209</v>
      </c>
    </row>
    <row r="1566" spans="1:5" ht="128.25" x14ac:dyDescent="0.25">
      <c r="A1566" s="5" t="s">
        <v>2322</v>
      </c>
      <c r="B1566" s="100" t="s">
        <v>2323</v>
      </c>
      <c r="C1566" s="4" t="s">
        <v>2324</v>
      </c>
      <c r="D1566" s="60" t="s">
        <v>2966</v>
      </c>
      <c r="E1566" s="113" t="s">
        <v>3572</v>
      </c>
    </row>
    <row r="1567" spans="1:5" ht="171" x14ac:dyDescent="0.25">
      <c r="A1567" s="5" t="s">
        <v>2325</v>
      </c>
      <c r="B1567" s="100" t="s">
        <v>2326</v>
      </c>
      <c r="C1567" s="4" t="s">
        <v>2327</v>
      </c>
      <c r="D1567" s="60" t="s">
        <v>2966</v>
      </c>
      <c r="E1567" s="111" t="s">
        <v>2328</v>
      </c>
    </row>
    <row r="1568" spans="1:5" ht="99.75" x14ac:dyDescent="0.25">
      <c r="A1568" s="5" t="s">
        <v>2329</v>
      </c>
      <c r="B1568" s="100" t="s">
        <v>2330</v>
      </c>
      <c r="C1568" s="4" t="s">
        <v>2331</v>
      </c>
      <c r="D1568" s="60" t="s">
        <v>2967</v>
      </c>
      <c r="E1568" s="113" t="s">
        <v>2885</v>
      </c>
    </row>
    <row r="1569" spans="1:5" ht="63.75" x14ac:dyDescent="0.25">
      <c r="A1569" s="5" t="s">
        <v>2332</v>
      </c>
      <c r="B1569" s="100" t="s">
        <v>2333</v>
      </c>
      <c r="C1569" s="4" t="s">
        <v>2334</v>
      </c>
      <c r="D1569" s="60" t="s">
        <v>2966</v>
      </c>
      <c r="E1569" s="111" t="s">
        <v>3602</v>
      </c>
    </row>
    <row r="1570" spans="1:5" ht="57" x14ac:dyDescent="0.25">
      <c r="A1570" s="5" t="s">
        <v>2335</v>
      </c>
      <c r="B1570" s="100" t="s">
        <v>2336</v>
      </c>
      <c r="C1570" s="4" t="s">
        <v>2337</v>
      </c>
      <c r="D1570" s="60" t="s">
        <v>2966</v>
      </c>
      <c r="E1570" s="113" t="s">
        <v>3591</v>
      </c>
    </row>
    <row r="1571" spans="1:5" ht="42.75" x14ac:dyDescent="0.25">
      <c r="A1571" s="5" t="s">
        <v>2338</v>
      </c>
      <c r="B1571" s="100" t="s">
        <v>2339</v>
      </c>
      <c r="C1571" s="4" t="s">
        <v>2340</v>
      </c>
      <c r="D1571" s="60" t="s">
        <v>2966</v>
      </c>
      <c r="E1571" s="113" t="s">
        <v>3207</v>
      </c>
    </row>
    <row r="1572" spans="1:5" ht="85.5" x14ac:dyDescent="0.25">
      <c r="A1572" s="5" t="s">
        <v>2341</v>
      </c>
      <c r="B1572" s="100" t="s">
        <v>2342</v>
      </c>
      <c r="C1572" s="4" t="s">
        <v>2968</v>
      </c>
      <c r="D1572" s="60" t="s">
        <v>2969</v>
      </c>
      <c r="E1572" s="113" t="s">
        <v>2691</v>
      </c>
    </row>
    <row r="1573" spans="1:5" ht="38.25" x14ac:dyDescent="0.25">
      <c r="A1573" s="20" t="s">
        <v>2343</v>
      </c>
      <c r="B1573" s="103" t="s">
        <v>2344</v>
      </c>
      <c r="C1573" s="75" t="s">
        <v>2345</v>
      </c>
      <c r="D1573" s="62" t="s">
        <v>2346</v>
      </c>
      <c r="E1573" s="113" t="s">
        <v>3255</v>
      </c>
    </row>
    <row r="1574" spans="1:5" ht="82.5" customHeight="1" x14ac:dyDescent="0.25">
      <c r="A1574" s="5" t="s">
        <v>2347</v>
      </c>
      <c r="B1574" s="100" t="s">
        <v>2348</v>
      </c>
      <c r="C1574" s="4" t="s">
        <v>2349</v>
      </c>
      <c r="D1574" s="60" t="s">
        <v>2346</v>
      </c>
      <c r="E1574" s="113" t="s">
        <v>3144</v>
      </c>
    </row>
    <row r="1575" spans="1:5" ht="25.5" x14ac:dyDescent="0.25">
      <c r="A1575" s="5" t="s">
        <v>2350</v>
      </c>
      <c r="B1575" s="100" t="s">
        <v>2351</v>
      </c>
      <c r="D1575" s="60" t="s">
        <v>2346</v>
      </c>
      <c r="E1575" s="113"/>
    </row>
    <row r="1576" spans="1:5" ht="42.75" x14ac:dyDescent="0.25">
      <c r="A1576" s="27" t="s">
        <v>2881</v>
      </c>
      <c r="B1576" s="105" t="s">
        <v>2884</v>
      </c>
      <c r="C1576" s="26" t="s">
        <v>2882</v>
      </c>
      <c r="D1576" s="65" t="s">
        <v>2346</v>
      </c>
      <c r="E1576" s="56" t="s">
        <v>2883</v>
      </c>
    </row>
    <row r="1577" spans="1:5" ht="156.75" x14ac:dyDescent="0.25">
      <c r="A1577" s="5" t="s">
        <v>2352</v>
      </c>
      <c r="B1577" s="100" t="s">
        <v>2353</v>
      </c>
      <c r="C1577" s="4" t="s">
        <v>2354</v>
      </c>
      <c r="D1577" s="60" t="s">
        <v>2355</v>
      </c>
      <c r="E1577" s="113" t="s">
        <v>3145</v>
      </c>
    </row>
    <row r="1578" spans="1:5" ht="57" x14ac:dyDescent="0.25">
      <c r="A1578" s="5" t="s">
        <v>2356</v>
      </c>
      <c r="B1578" s="100" t="s">
        <v>2357</v>
      </c>
      <c r="C1578" s="4" t="s">
        <v>2358</v>
      </c>
      <c r="D1578" s="60" t="s">
        <v>2355</v>
      </c>
      <c r="E1578" s="113" t="s">
        <v>3146</v>
      </c>
    </row>
    <row r="1579" spans="1:5" x14ac:dyDescent="0.25">
      <c r="A1579" s="21"/>
      <c r="B1579" s="100"/>
      <c r="D1579" s="60"/>
      <c r="E1579" s="113"/>
    </row>
    <row r="1580" spans="1:5" x14ac:dyDescent="0.25">
      <c r="A1580" s="272" t="s">
        <v>2359</v>
      </c>
      <c r="B1580" s="272"/>
      <c r="D1580" s="60"/>
      <c r="E1580" s="113"/>
    </row>
    <row r="1581" spans="1:5" ht="57" x14ac:dyDescent="0.25">
      <c r="A1581" s="5" t="s">
        <v>2360</v>
      </c>
      <c r="B1581" s="100" t="s">
        <v>2361</v>
      </c>
      <c r="C1581" s="4" t="s">
        <v>2362</v>
      </c>
      <c r="D1581" s="60" t="s">
        <v>2972</v>
      </c>
      <c r="E1581" s="113" t="s">
        <v>2973</v>
      </c>
    </row>
    <row r="1582" spans="1:5" ht="42.75" x14ac:dyDescent="0.25">
      <c r="A1582" s="5" t="s">
        <v>2363</v>
      </c>
      <c r="B1582" s="100" t="s">
        <v>2364</v>
      </c>
      <c r="C1582" s="4" t="s">
        <v>2365</v>
      </c>
      <c r="D1582" s="60" t="s">
        <v>2974</v>
      </c>
      <c r="E1582" s="113" t="s">
        <v>3147</v>
      </c>
    </row>
    <row r="1583" spans="1:5" ht="28.5" x14ac:dyDescent="0.25">
      <c r="A1583" s="5" t="s">
        <v>2366</v>
      </c>
      <c r="B1583" s="100" t="s">
        <v>2367</v>
      </c>
      <c r="C1583" s="4" t="s">
        <v>3299</v>
      </c>
      <c r="D1583" s="60" t="s">
        <v>2368</v>
      </c>
      <c r="E1583" s="113" t="s">
        <v>3148</v>
      </c>
    </row>
    <row r="1584" spans="1:5" ht="28.5" x14ac:dyDescent="0.25">
      <c r="A1584" s="5" t="s">
        <v>2369</v>
      </c>
      <c r="B1584" s="100" t="s">
        <v>2370</v>
      </c>
      <c r="C1584" s="4" t="s">
        <v>2970</v>
      </c>
      <c r="D1584" s="60" t="s">
        <v>2368</v>
      </c>
      <c r="E1584" s="113"/>
    </row>
    <row r="1585" spans="1:5" ht="71.25" x14ac:dyDescent="0.25">
      <c r="A1585" s="5" t="s">
        <v>2371</v>
      </c>
      <c r="B1585" s="100" t="s">
        <v>2372</v>
      </c>
      <c r="C1585" s="4" t="s">
        <v>2373</v>
      </c>
      <c r="D1585" s="60" t="s">
        <v>2974</v>
      </c>
      <c r="E1585" s="113" t="s">
        <v>2971</v>
      </c>
    </row>
    <row r="1586" spans="1:5" ht="57" x14ac:dyDescent="0.25">
      <c r="A1586" s="5" t="s">
        <v>2374</v>
      </c>
      <c r="B1586" s="100" t="s">
        <v>2375</v>
      </c>
      <c r="C1586" s="4" t="s">
        <v>2376</v>
      </c>
      <c r="D1586" s="60" t="s">
        <v>2974</v>
      </c>
      <c r="E1586" s="113" t="s">
        <v>3149</v>
      </c>
    </row>
    <row r="1587" spans="1:5" ht="28.5" x14ac:dyDescent="0.25">
      <c r="A1587" s="276" t="s">
        <v>2377</v>
      </c>
      <c r="B1587" s="277" t="s">
        <v>2378</v>
      </c>
      <c r="C1587" s="4" t="s">
        <v>2379</v>
      </c>
      <c r="D1587" s="279" t="s">
        <v>2368</v>
      </c>
      <c r="E1587" s="281" t="s">
        <v>2975</v>
      </c>
    </row>
    <row r="1588" spans="1:5" x14ac:dyDescent="0.25">
      <c r="A1588" s="276"/>
      <c r="B1588" s="277"/>
      <c r="C1588" s="5" t="s">
        <v>2380</v>
      </c>
      <c r="D1588" s="279"/>
      <c r="E1588" s="281"/>
    </row>
    <row r="1589" spans="1:5" x14ac:dyDescent="0.25">
      <c r="A1589" s="276"/>
      <c r="B1589" s="277"/>
      <c r="C1589" s="5" t="s">
        <v>2381</v>
      </c>
      <c r="D1589" s="279"/>
      <c r="E1589" s="281"/>
    </row>
    <row r="1590" spans="1:5" x14ac:dyDescent="0.25">
      <c r="A1590" s="276"/>
      <c r="B1590" s="277"/>
      <c r="C1590" s="5" t="s">
        <v>2382</v>
      </c>
      <c r="D1590" s="279"/>
      <c r="E1590" s="281"/>
    </row>
    <row r="1591" spans="1:5" x14ac:dyDescent="0.25">
      <c r="A1591" s="276"/>
      <c r="B1591" s="277"/>
      <c r="D1591" s="279"/>
      <c r="E1591" s="281"/>
    </row>
    <row r="1592" spans="1:5" ht="149.25" customHeight="1" x14ac:dyDescent="0.25">
      <c r="A1592" s="276"/>
      <c r="B1592" s="277"/>
      <c r="C1592" s="5" t="s">
        <v>2383</v>
      </c>
      <c r="D1592" s="279"/>
      <c r="E1592" s="281"/>
    </row>
    <row r="1593" spans="1:5" x14ac:dyDescent="0.25">
      <c r="A1593" s="276"/>
      <c r="B1593" s="277"/>
      <c r="C1593" s="5" t="s">
        <v>2384</v>
      </c>
      <c r="D1593" s="279"/>
      <c r="E1593" s="281"/>
    </row>
    <row r="1594" spans="1:5" x14ac:dyDescent="0.25">
      <c r="A1594" s="276"/>
      <c r="B1594" s="277"/>
      <c r="C1594" s="5" t="s">
        <v>2385</v>
      </c>
      <c r="D1594" s="279"/>
      <c r="E1594" s="281"/>
    </row>
    <row r="1595" spans="1:5" x14ac:dyDescent="0.25">
      <c r="A1595" s="276"/>
      <c r="B1595" s="277"/>
      <c r="D1595" s="279"/>
      <c r="E1595" s="281"/>
    </row>
    <row r="1596" spans="1:5" x14ac:dyDescent="0.25">
      <c r="A1596" s="276"/>
      <c r="B1596" s="277"/>
      <c r="C1596" s="5" t="s">
        <v>2386</v>
      </c>
      <c r="D1596" s="279"/>
      <c r="E1596" s="281"/>
    </row>
    <row r="1597" spans="1:5" x14ac:dyDescent="0.25">
      <c r="A1597" s="276"/>
      <c r="B1597" s="277"/>
      <c r="C1597" s="5" t="s">
        <v>2387</v>
      </c>
      <c r="D1597" s="279"/>
      <c r="E1597" s="281"/>
    </row>
    <row r="1598" spans="1:5" x14ac:dyDescent="0.25">
      <c r="A1598" s="276"/>
      <c r="B1598" s="277"/>
      <c r="C1598" s="5" t="s">
        <v>2388</v>
      </c>
      <c r="D1598" s="279"/>
      <c r="E1598" s="281"/>
    </row>
    <row r="1599" spans="1:5" x14ac:dyDescent="0.25">
      <c r="A1599" s="276"/>
      <c r="B1599" s="277"/>
      <c r="C1599" s="5" t="s">
        <v>2389</v>
      </c>
      <c r="D1599" s="279"/>
      <c r="E1599" s="281"/>
    </row>
    <row r="1600" spans="1:5" ht="38.25" x14ac:dyDescent="0.25">
      <c r="A1600" s="5" t="s">
        <v>2390</v>
      </c>
      <c r="B1600" s="100" t="s">
        <v>2391</v>
      </c>
      <c r="C1600" s="5" t="s">
        <v>2392</v>
      </c>
      <c r="D1600" s="60" t="s">
        <v>2974</v>
      </c>
      <c r="E1600" s="113" t="s">
        <v>3150</v>
      </c>
    </row>
    <row r="1601" spans="1:5" x14ac:dyDescent="0.25">
      <c r="A1601" s="21"/>
      <c r="B1601" s="100"/>
      <c r="D1601" s="60"/>
      <c r="E1601" s="113"/>
    </row>
    <row r="1602" spans="1:5" x14ac:dyDescent="0.25">
      <c r="A1602" s="272" t="s">
        <v>2393</v>
      </c>
      <c r="B1602" s="272"/>
      <c r="D1602" s="60"/>
      <c r="E1602" s="113"/>
    </row>
    <row r="1603" spans="1:5" ht="51" x14ac:dyDescent="0.25">
      <c r="A1603" s="5" t="s">
        <v>2394</v>
      </c>
      <c r="B1603" s="100" t="s">
        <v>2395</v>
      </c>
      <c r="C1603" s="4" t="s">
        <v>2976</v>
      </c>
      <c r="D1603" s="60" t="s">
        <v>2977</v>
      </c>
      <c r="E1603" s="113" t="s">
        <v>2978</v>
      </c>
    </row>
    <row r="1604" spans="1:5" ht="128.25" x14ac:dyDescent="0.25">
      <c r="A1604" s="5" t="s">
        <v>2396</v>
      </c>
      <c r="B1604" s="100" t="s">
        <v>2397</v>
      </c>
      <c r="C1604" s="4" t="s">
        <v>2398</v>
      </c>
      <c r="D1604" s="60" t="s">
        <v>2974</v>
      </c>
      <c r="E1604" s="113" t="s">
        <v>1614</v>
      </c>
    </row>
    <row r="1605" spans="1:5" ht="122.25" customHeight="1" x14ac:dyDescent="0.25">
      <c r="A1605" s="5" t="s">
        <v>2399</v>
      </c>
      <c r="B1605" s="100" t="s">
        <v>2400</v>
      </c>
      <c r="C1605" s="4" t="s">
        <v>2401</v>
      </c>
      <c r="D1605" s="60" t="s">
        <v>2974</v>
      </c>
      <c r="E1605" s="113" t="s">
        <v>3151</v>
      </c>
    </row>
    <row r="1606" spans="1:5" ht="114" x14ac:dyDescent="0.25">
      <c r="A1606" s="5" t="s">
        <v>2402</v>
      </c>
      <c r="B1606" s="100" t="s">
        <v>2403</v>
      </c>
      <c r="C1606" s="4" t="s">
        <v>2404</v>
      </c>
      <c r="D1606" s="60" t="s">
        <v>2974</v>
      </c>
      <c r="E1606" s="113" t="s">
        <v>1614</v>
      </c>
    </row>
    <row r="1607" spans="1:5" ht="28.5" x14ac:dyDescent="0.25">
      <c r="A1607" s="5" t="s">
        <v>2405</v>
      </c>
      <c r="B1607" s="100" t="s">
        <v>2406</v>
      </c>
      <c r="C1607" s="4" t="s">
        <v>2407</v>
      </c>
      <c r="D1607" s="60" t="s">
        <v>2346</v>
      </c>
      <c r="E1607" s="113" t="s">
        <v>3152</v>
      </c>
    </row>
    <row r="1608" spans="1:5" x14ac:dyDescent="0.25">
      <c r="A1608" s="21"/>
      <c r="B1608" s="100"/>
      <c r="D1608" s="60"/>
      <c r="E1608" s="113"/>
    </row>
    <row r="1609" spans="1:5" ht="91.5" customHeight="1" x14ac:dyDescent="0.25">
      <c r="A1609" s="272" t="s">
        <v>2408</v>
      </c>
      <c r="B1609" s="272"/>
      <c r="D1609" s="60"/>
      <c r="E1609" s="113"/>
    </row>
    <row r="1610" spans="1:5" ht="57" x14ac:dyDescent="0.25">
      <c r="A1610" s="5" t="s">
        <v>2409</v>
      </c>
      <c r="B1610" s="100" t="s">
        <v>2410</v>
      </c>
      <c r="C1610" s="4" t="s">
        <v>2411</v>
      </c>
      <c r="D1610" s="60" t="s">
        <v>2974</v>
      </c>
      <c r="E1610" s="113" t="s">
        <v>3153</v>
      </c>
    </row>
    <row r="1611" spans="1:5" ht="57" x14ac:dyDescent="0.25">
      <c r="A1611" s="5" t="s">
        <v>2412</v>
      </c>
      <c r="B1611" s="100" t="s">
        <v>2413</v>
      </c>
      <c r="C1611" s="4" t="s">
        <v>2414</v>
      </c>
      <c r="D1611" s="60" t="s">
        <v>2974</v>
      </c>
      <c r="E1611" s="113" t="s">
        <v>3154</v>
      </c>
    </row>
    <row r="1612" spans="1:5" ht="38.25" x14ac:dyDescent="0.25">
      <c r="A1612" s="5" t="s">
        <v>2415</v>
      </c>
      <c r="B1612" s="100" t="s">
        <v>2416</v>
      </c>
      <c r="C1612" s="4" t="s">
        <v>2417</v>
      </c>
      <c r="D1612" s="60" t="s">
        <v>2974</v>
      </c>
      <c r="E1612" s="113" t="s">
        <v>3155</v>
      </c>
    </row>
    <row r="1613" spans="1:5" ht="77.25" customHeight="1" x14ac:dyDescent="0.25">
      <c r="A1613" s="5" t="s">
        <v>2418</v>
      </c>
      <c r="B1613" s="100" t="s">
        <v>2419</v>
      </c>
      <c r="C1613" s="4" t="s">
        <v>2420</v>
      </c>
      <c r="D1613" s="60" t="s">
        <v>2974</v>
      </c>
      <c r="E1613" s="113" t="s">
        <v>3605</v>
      </c>
    </row>
    <row r="1614" spans="1:5" ht="136.5" customHeight="1" x14ac:dyDescent="0.25">
      <c r="A1614" s="21"/>
      <c r="B1614" s="100"/>
      <c r="D1614" s="60"/>
      <c r="E1614" s="113"/>
    </row>
    <row r="1615" spans="1:5" ht="176.25" customHeight="1" x14ac:dyDescent="0.25">
      <c r="A1615" s="272" t="s">
        <v>2421</v>
      </c>
      <c r="B1615" s="272"/>
      <c r="D1615" s="60"/>
      <c r="E1615" s="113"/>
    </row>
    <row r="1616" spans="1:5" ht="42.75" x14ac:dyDescent="0.25">
      <c r="A1616" s="5" t="s">
        <v>2422</v>
      </c>
      <c r="B1616" s="100" t="s">
        <v>2423</v>
      </c>
      <c r="C1616" s="4" t="s">
        <v>2424</v>
      </c>
      <c r="D1616" s="60" t="s">
        <v>2974</v>
      </c>
      <c r="E1616" s="113" t="s">
        <v>2489</v>
      </c>
    </row>
    <row r="1617" spans="1:5" ht="84" customHeight="1" x14ac:dyDescent="0.25">
      <c r="A1617" s="5" t="s">
        <v>2425</v>
      </c>
      <c r="B1617" s="100" t="s">
        <v>2426</v>
      </c>
      <c r="C1617" s="4" t="s">
        <v>2427</v>
      </c>
      <c r="D1617" s="60" t="s">
        <v>2974</v>
      </c>
      <c r="E1617" s="113" t="s">
        <v>3156</v>
      </c>
    </row>
    <row r="1618" spans="1:5" ht="71.25" x14ac:dyDescent="0.25">
      <c r="A1618" s="5" t="s">
        <v>2428</v>
      </c>
      <c r="B1618" s="100" t="s">
        <v>2429</v>
      </c>
      <c r="C1618" s="4" t="s">
        <v>2430</v>
      </c>
      <c r="D1618" s="59" t="s">
        <v>2974</v>
      </c>
      <c r="E1618" s="113" t="s">
        <v>3157</v>
      </c>
    </row>
    <row r="1619" spans="1:5" ht="42.75" x14ac:dyDescent="0.25">
      <c r="A1619" s="5" t="s">
        <v>2431</v>
      </c>
      <c r="B1619" s="100" t="s">
        <v>2432</v>
      </c>
      <c r="C1619" s="4" t="s">
        <v>2433</v>
      </c>
      <c r="D1619" s="60" t="s">
        <v>2974</v>
      </c>
      <c r="E1619" s="113" t="s">
        <v>3158</v>
      </c>
    </row>
    <row r="1620" spans="1:5" ht="105" customHeight="1" x14ac:dyDescent="0.25">
      <c r="A1620" s="276" t="s">
        <v>2434</v>
      </c>
      <c r="B1620" s="277" t="s">
        <v>2435</v>
      </c>
      <c r="C1620" s="278" t="s">
        <v>2436</v>
      </c>
      <c r="D1620" s="279" t="s">
        <v>2974</v>
      </c>
      <c r="E1620" s="280" t="s">
        <v>2437</v>
      </c>
    </row>
    <row r="1621" spans="1:5" ht="176.25" customHeight="1" x14ac:dyDescent="0.25">
      <c r="A1621" s="276"/>
      <c r="B1621" s="277"/>
      <c r="C1621" s="278"/>
      <c r="D1621" s="279"/>
      <c r="E1621" s="280"/>
    </row>
    <row r="1622" spans="1:5" ht="127.5" x14ac:dyDescent="0.25">
      <c r="A1622" s="20" t="s">
        <v>2438</v>
      </c>
      <c r="B1622" s="103" t="s">
        <v>2439</v>
      </c>
      <c r="C1622" s="75" t="s">
        <v>2440</v>
      </c>
      <c r="D1622" s="62" t="s">
        <v>2974</v>
      </c>
      <c r="E1622" s="113" t="s">
        <v>3280</v>
      </c>
    </row>
    <row r="1623" spans="1:5" x14ac:dyDescent="0.25">
      <c r="A1623" s="264" t="s">
        <v>2441</v>
      </c>
      <c r="B1623" s="265"/>
      <c r="C1623" s="265"/>
      <c r="D1623" s="266"/>
      <c r="E1623" s="113"/>
    </row>
    <row r="1624" spans="1:5" ht="42.75" x14ac:dyDescent="0.25">
      <c r="A1624" s="5" t="s">
        <v>2442</v>
      </c>
      <c r="B1624" s="100" t="s">
        <v>2443</v>
      </c>
      <c r="C1624" s="4" t="s">
        <v>2444</v>
      </c>
      <c r="D1624" s="60" t="s">
        <v>2979</v>
      </c>
      <c r="E1624" s="113" t="s">
        <v>3159</v>
      </c>
    </row>
    <row r="1625" spans="1:5" ht="71.25" x14ac:dyDescent="0.25">
      <c r="A1625" s="5" t="s">
        <v>2445</v>
      </c>
      <c r="B1625" s="100" t="s">
        <v>2446</v>
      </c>
      <c r="C1625" s="4" t="s">
        <v>2447</v>
      </c>
      <c r="D1625" s="60" t="s">
        <v>2980</v>
      </c>
      <c r="E1625" s="113" t="s">
        <v>3160</v>
      </c>
    </row>
    <row r="1626" spans="1:5" ht="128.25" x14ac:dyDescent="0.25">
      <c r="A1626" s="5" t="s">
        <v>2448</v>
      </c>
      <c r="B1626" s="100" t="s">
        <v>2449</v>
      </c>
      <c r="C1626" s="4" t="s">
        <v>2450</v>
      </c>
      <c r="D1626" s="60" t="s">
        <v>2979</v>
      </c>
      <c r="E1626" s="113" t="s">
        <v>3159</v>
      </c>
    </row>
    <row r="1627" spans="1:5" ht="156.75" x14ac:dyDescent="0.25">
      <c r="A1627" s="20" t="s">
        <v>2451</v>
      </c>
      <c r="B1627" s="103" t="s">
        <v>2452</v>
      </c>
      <c r="C1627" s="75" t="s">
        <v>2453</v>
      </c>
      <c r="D1627" s="62" t="s">
        <v>2979</v>
      </c>
      <c r="E1627" s="111" t="s">
        <v>3279</v>
      </c>
    </row>
    <row r="1628" spans="1:5" ht="114" x14ac:dyDescent="0.25">
      <c r="A1628" s="20" t="s">
        <v>2454</v>
      </c>
      <c r="B1628" s="103" t="s">
        <v>2455</v>
      </c>
      <c r="C1628" s="75" t="s">
        <v>2456</v>
      </c>
      <c r="D1628" s="62" t="s">
        <v>2974</v>
      </c>
      <c r="E1628" s="113" t="s">
        <v>3613</v>
      </c>
    </row>
    <row r="1629" spans="1:5" ht="126.75" customHeight="1" x14ac:dyDescent="0.25">
      <c r="A1629" s="91" t="s">
        <v>2457</v>
      </c>
      <c r="B1629" s="100" t="s">
        <v>2458</v>
      </c>
      <c r="C1629" s="92" t="s">
        <v>2459</v>
      </c>
      <c r="D1629" s="93" t="s">
        <v>2974</v>
      </c>
      <c r="E1629" s="113" t="s">
        <v>3278</v>
      </c>
    </row>
    <row r="1630" spans="1:5" ht="57" x14ac:dyDescent="0.25">
      <c r="A1630" s="20" t="s">
        <v>2460</v>
      </c>
      <c r="B1630" s="103" t="s">
        <v>2461</v>
      </c>
      <c r="C1630" s="75" t="s">
        <v>2462</v>
      </c>
      <c r="D1630" s="62" t="s">
        <v>2974</v>
      </c>
      <c r="E1630" s="113" t="s">
        <v>3276</v>
      </c>
    </row>
    <row r="1631" spans="1:5" ht="157.5" customHeight="1" x14ac:dyDescent="0.25">
      <c r="A1631" s="5" t="s">
        <v>2463</v>
      </c>
      <c r="B1631" s="100" t="s">
        <v>2464</v>
      </c>
      <c r="C1631" s="4" t="s">
        <v>2465</v>
      </c>
      <c r="D1631" s="60" t="s">
        <v>2974</v>
      </c>
      <c r="E1631" s="113" t="s">
        <v>3161</v>
      </c>
    </row>
    <row r="1632" spans="1:5" ht="44.25" customHeight="1" x14ac:dyDescent="0.25">
      <c r="A1632" s="20" t="s">
        <v>2466</v>
      </c>
      <c r="B1632" s="103" t="s">
        <v>2467</v>
      </c>
      <c r="C1632" s="75" t="s">
        <v>2468</v>
      </c>
      <c r="D1632" s="62" t="s">
        <v>2974</v>
      </c>
      <c r="E1632" s="111" t="s">
        <v>3277</v>
      </c>
    </row>
    <row r="1633" spans="1:5" ht="156.75" x14ac:dyDescent="0.25">
      <c r="A1633" s="5" t="s">
        <v>2470</v>
      </c>
      <c r="B1633" s="100" t="s">
        <v>2471</v>
      </c>
      <c r="C1633" s="4" t="s">
        <v>2981</v>
      </c>
      <c r="D1633" s="72" t="s">
        <v>2974</v>
      </c>
      <c r="E1633" s="113" t="s">
        <v>2469</v>
      </c>
    </row>
    <row r="1634" spans="1:5" x14ac:dyDescent="0.25">
      <c r="A1634" s="264" t="s">
        <v>2472</v>
      </c>
      <c r="B1634" s="265"/>
      <c r="C1634" s="265"/>
      <c r="D1634" s="265"/>
      <c r="E1634" s="266"/>
    </row>
    <row r="1635" spans="1:5" ht="42.75" x14ac:dyDescent="0.25">
      <c r="A1635" s="20" t="s">
        <v>2473</v>
      </c>
      <c r="B1635" s="103" t="s">
        <v>2472</v>
      </c>
      <c r="C1635" s="75" t="s">
        <v>2474</v>
      </c>
      <c r="D1635" s="72" t="s">
        <v>2982</v>
      </c>
      <c r="E1635" s="113" t="s">
        <v>3162</v>
      </c>
    </row>
    <row r="1636" spans="1:5" x14ac:dyDescent="0.25">
      <c r="A1636" s="264" t="s">
        <v>2475</v>
      </c>
      <c r="B1636" s="265"/>
      <c r="C1636" s="265"/>
      <c r="D1636" s="265"/>
      <c r="E1636" s="266"/>
    </row>
    <row r="1637" spans="1:5" ht="99.75" x14ac:dyDescent="0.25">
      <c r="A1637" s="20" t="s">
        <v>2476</v>
      </c>
      <c r="B1637" s="103" t="s">
        <v>2477</v>
      </c>
      <c r="C1637" s="75" t="s">
        <v>2478</v>
      </c>
      <c r="D1637" s="62" t="s">
        <v>2974</v>
      </c>
      <c r="E1637" s="76" t="s">
        <v>2479</v>
      </c>
    </row>
    <row r="1638" spans="1:5" ht="71.25" x14ac:dyDescent="0.25">
      <c r="A1638" s="20" t="s">
        <v>2480</v>
      </c>
      <c r="B1638" s="103" t="s">
        <v>2481</v>
      </c>
      <c r="C1638" s="75" t="s">
        <v>2482</v>
      </c>
      <c r="D1638" s="62" t="s">
        <v>2974</v>
      </c>
      <c r="E1638" s="111" t="s">
        <v>3275</v>
      </c>
    </row>
    <row r="1639" spans="1:5" ht="128.25" x14ac:dyDescent="0.25">
      <c r="A1639" s="20" t="s">
        <v>2483</v>
      </c>
      <c r="B1639" s="103" t="s">
        <v>2484</v>
      </c>
      <c r="C1639" s="75" t="s">
        <v>2485</v>
      </c>
      <c r="D1639" s="62" t="s">
        <v>2974</v>
      </c>
      <c r="E1639" s="113" t="s">
        <v>3163</v>
      </c>
    </row>
    <row r="1640" spans="1:5" ht="127.5" x14ac:dyDescent="0.25">
      <c r="A1640" s="91" t="s">
        <v>2486</v>
      </c>
      <c r="B1640" s="100" t="s">
        <v>2487</v>
      </c>
      <c r="C1640" s="92" t="s">
        <v>2488</v>
      </c>
      <c r="D1640" s="93" t="s">
        <v>2974</v>
      </c>
      <c r="E1640" s="111" t="s">
        <v>3274</v>
      </c>
    </row>
    <row r="1641" spans="1:5" ht="99.75" x14ac:dyDescent="0.25">
      <c r="A1641" s="20" t="s">
        <v>2490</v>
      </c>
      <c r="B1641" s="103" t="s">
        <v>2491</v>
      </c>
      <c r="C1641" s="75" t="s">
        <v>2492</v>
      </c>
      <c r="D1641" s="62" t="s">
        <v>2974</v>
      </c>
      <c r="E1641" s="113" t="s">
        <v>3273</v>
      </c>
    </row>
    <row r="1642" spans="1:5" x14ac:dyDescent="0.25">
      <c r="A1642" s="264" t="s">
        <v>2493</v>
      </c>
      <c r="B1642" s="265"/>
      <c r="C1642" s="265"/>
      <c r="D1642" s="265"/>
      <c r="E1642" s="266"/>
    </row>
    <row r="1643" spans="1:5" ht="127.5" x14ac:dyDescent="0.25">
      <c r="A1643" s="91" t="s">
        <v>2494</v>
      </c>
      <c r="B1643" s="100" t="s">
        <v>2495</v>
      </c>
      <c r="C1643" s="92" t="s">
        <v>2496</v>
      </c>
      <c r="D1643" s="93" t="s">
        <v>2974</v>
      </c>
      <c r="E1643" s="113" t="s">
        <v>3272</v>
      </c>
    </row>
    <row r="1644" spans="1:5" ht="28.5" x14ac:dyDescent="0.25">
      <c r="A1644" s="5" t="s">
        <v>2497</v>
      </c>
      <c r="B1644" s="100" t="s">
        <v>2498</v>
      </c>
      <c r="C1644" s="47" t="s">
        <v>2629</v>
      </c>
      <c r="D1644" s="60" t="s">
        <v>2630</v>
      </c>
      <c r="E1644" s="113"/>
    </row>
    <row r="1645" spans="1:5" ht="114" x14ac:dyDescent="0.25">
      <c r="A1645" s="74" t="s">
        <v>2499</v>
      </c>
      <c r="B1645" s="103" t="s">
        <v>2500</v>
      </c>
      <c r="C1645" s="75" t="s">
        <v>2501</v>
      </c>
      <c r="D1645" s="62" t="s">
        <v>2502</v>
      </c>
      <c r="E1645" s="113" t="s">
        <v>3164</v>
      </c>
    </row>
    <row r="1646" spans="1:5" ht="85.5" x14ac:dyDescent="0.25">
      <c r="A1646" s="91" t="s">
        <v>2503</v>
      </c>
      <c r="B1646" s="100" t="s">
        <v>2504</v>
      </c>
      <c r="C1646" s="92" t="s">
        <v>2505</v>
      </c>
      <c r="D1646" s="93" t="s">
        <v>2974</v>
      </c>
      <c r="E1646" s="113" t="s">
        <v>3612</v>
      </c>
    </row>
    <row r="1647" spans="1:5" x14ac:dyDescent="0.25">
      <c r="A1647" s="264" t="s">
        <v>2506</v>
      </c>
      <c r="B1647" s="265"/>
      <c r="C1647" s="265"/>
      <c r="D1647" s="265"/>
      <c r="E1647" s="266"/>
    </row>
    <row r="1648" spans="1:5" ht="108" customHeight="1" x14ac:dyDescent="0.25">
      <c r="A1648" s="5" t="s">
        <v>2507</v>
      </c>
      <c r="B1648" s="100" t="s">
        <v>2508</v>
      </c>
      <c r="C1648" s="4" t="s">
        <v>2509</v>
      </c>
      <c r="D1648" s="60" t="s">
        <v>2974</v>
      </c>
      <c r="E1648" s="113" t="s">
        <v>3165</v>
      </c>
    </row>
    <row r="1649" spans="1:5" ht="42.75" x14ac:dyDescent="0.25">
      <c r="A1649" s="91" t="s">
        <v>2510</v>
      </c>
      <c r="B1649" s="100" t="s">
        <v>2511</v>
      </c>
      <c r="C1649" s="92" t="s">
        <v>2512</v>
      </c>
      <c r="D1649" s="93" t="s">
        <v>2974</v>
      </c>
      <c r="E1649" s="113" t="s">
        <v>3271</v>
      </c>
    </row>
    <row r="1650" spans="1:5" ht="183" customHeight="1" x14ac:dyDescent="0.25">
      <c r="A1650" s="264" t="s">
        <v>2513</v>
      </c>
      <c r="B1650" s="265"/>
      <c r="C1650" s="265"/>
      <c r="D1650" s="265"/>
      <c r="E1650" s="266"/>
    </row>
    <row r="1651" spans="1:5" ht="114" x14ac:dyDescent="0.25">
      <c r="A1651" s="5" t="s">
        <v>2514</v>
      </c>
      <c r="B1651" s="100" t="s">
        <v>2515</v>
      </c>
      <c r="C1651" s="4" t="s">
        <v>2516</v>
      </c>
      <c r="D1651" s="60" t="s">
        <v>2974</v>
      </c>
      <c r="E1651" s="113" t="s">
        <v>3166</v>
      </c>
    </row>
    <row r="1652" spans="1:5" ht="114" x14ac:dyDescent="0.25">
      <c r="A1652" s="91" t="s">
        <v>2517</v>
      </c>
      <c r="B1652" s="100" t="s">
        <v>2518</v>
      </c>
      <c r="C1652" s="92" t="s">
        <v>2516</v>
      </c>
      <c r="D1652" s="93" t="s">
        <v>2974</v>
      </c>
      <c r="E1652" s="113" t="s">
        <v>3270</v>
      </c>
    </row>
    <row r="1653" spans="1:5" ht="42.75" x14ac:dyDescent="0.25">
      <c r="A1653" s="20" t="s">
        <v>2519</v>
      </c>
      <c r="B1653" s="103" t="s">
        <v>2520</v>
      </c>
      <c r="C1653" s="75" t="s">
        <v>2521</v>
      </c>
      <c r="D1653" s="62" t="s">
        <v>2974</v>
      </c>
      <c r="E1653" s="113" t="s">
        <v>3269</v>
      </c>
    </row>
    <row r="1654" spans="1:5" ht="57" x14ac:dyDescent="0.25">
      <c r="A1654" s="20" t="s">
        <v>2522</v>
      </c>
      <c r="B1654" s="103" t="s">
        <v>2523</v>
      </c>
      <c r="C1654" s="75" t="s">
        <v>2524</v>
      </c>
      <c r="D1654" s="62" t="s">
        <v>2974</v>
      </c>
      <c r="E1654" s="53" t="s">
        <v>3167</v>
      </c>
    </row>
    <row r="1655" spans="1:5" ht="71.25" x14ac:dyDescent="0.25">
      <c r="A1655" s="5" t="s">
        <v>2525</v>
      </c>
      <c r="B1655" s="100" t="s">
        <v>2526</v>
      </c>
      <c r="C1655" s="4" t="s">
        <v>2527</v>
      </c>
      <c r="D1655" s="60" t="s">
        <v>2974</v>
      </c>
      <c r="E1655" s="113" t="s">
        <v>3168</v>
      </c>
    </row>
    <row r="1656" spans="1:5" ht="71.25" x14ac:dyDescent="0.25">
      <c r="A1656" s="5" t="s">
        <v>2528</v>
      </c>
      <c r="B1656" s="100" t="s">
        <v>2529</v>
      </c>
      <c r="C1656" s="4" t="s">
        <v>2530</v>
      </c>
      <c r="D1656" s="60" t="s">
        <v>2974</v>
      </c>
      <c r="E1656" s="113" t="s">
        <v>3169</v>
      </c>
    </row>
    <row r="1657" spans="1:5" ht="71.25" x14ac:dyDescent="0.25">
      <c r="A1657" s="5" t="s">
        <v>2531</v>
      </c>
      <c r="B1657" s="100" t="s">
        <v>2532</v>
      </c>
      <c r="C1657" s="4" t="s">
        <v>2533</v>
      </c>
      <c r="D1657" s="60" t="s">
        <v>2974</v>
      </c>
      <c r="E1657" s="113"/>
    </row>
    <row r="1658" spans="1:5" x14ac:dyDescent="0.25">
      <c r="A1658" s="264" t="s">
        <v>2534</v>
      </c>
      <c r="B1658" s="265"/>
      <c r="C1658" s="265"/>
      <c r="D1658" s="265"/>
      <c r="E1658" s="266"/>
    </row>
    <row r="1659" spans="1:5" ht="71.25" x14ac:dyDescent="0.25">
      <c r="A1659" s="5" t="s">
        <v>2535</v>
      </c>
      <c r="B1659" s="100" t="s">
        <v>2536</v>
      </c>
      <c r="C1659" s="4" t="s">
        <v>2537</v>
      </c>
      <c r="D1659" s="60" t="s">
        <v>2974</v>
      </c>
      <c r="E1659" s="113" t="s">
        <v>3170</v>
      </c>
    </row>
    <row r="1660" spans="1:5" ht="89.25" x14ac:dyDescent="0.25">
      <c r="A1660" s="20" t="s">
        <v>2538</v>
      </c>
      <c r="B1660" s="103" t="s">
        <v>2539</v>
      </c>
      <c r="C1660" s="75" t="s">
        <v>2540</v>
      </c>
      <c r="D1660" s="62" t="s">
        <v>2974</v>
      </c>
      <c r="E1660" s="111" t="s">
        <v>3610</v>
      </c>
    </row>
    <row r="1661" spans="1:5" ht="38.25" x14ac:dyDescent="0.25">
      <c r="A1661" s="5" t="s">
        <v>2542</v>
      </c>
      <c r="B1661" s="100" t="s">
        <v>2543</v>
      </c>
      <c r="C1661" s="4" t="s">
        <v>2540</v>
      </c>
      <c r="D1661" s="60" t="s">
        <v>2974</v>
      </c>
      <c r="E1661" s="113" t="s">
        <v>2695</v>
      </c>
    </row>
    <row r="1662" spans="1:5" ht="156.75" x14ac:dyDescent="0.25">
      <c r="A1662" s="5" t="s">
        <v>2544</v>
      </c>
      <c r="B1662" s="100" t="s">
        <v>2545</v>
      </c>
      <c r="C1662" s="4" t="s">
        <v>2546</v>
      </c>
      <c r="D1662" s="60" t="s">
        <v>2974</v>
      </c>
      <c r="E1662" s="113" t="s">
        <v>2819</v>
      </c>
    </row>
    <row r="1663" spans="1:5" ht="57" x14ac:dyDescent="0.25">
      <c r="A1663" s="5" t="s">
        <v>2547</v>
      </c>
      <c r="B1663" s="100" t="s">
        <v>2548</v>
      </c>
      <c r="C1663" s="4" t="s">
        <v>2549</v>
      </c>
      <c r="D1663" s="60" t="s">
        <v>2974</v>
      </c>
      <c r="E1663" s="113" t="s">
        <v>2541</v>
      </c>
    </row>
    <row r="1664" spans="1:5" ht="57" x14ac:dyDescent="0.25">
      <c r="A1664" s="5" t="s">
        <v>2550</v>
      </c>
      <c r="B1664" s="100" t="s">
        <v>2551</v>
      </c>
      <c r="C1664" s="4" t="s">
        <v>2983</v>
      </c>
      <c r="D1664" s="60" t="s">
        <v>2974</v>
      </c>
      <c r="E1664" s="113" t="s">
        <v>2270</v>
      </c>
    </row>
    <row r="1665" spans="1:5" x14ac:dyDescent="0.25">
      <c r="A1665" s="272" t="s">
        <v>2552</v>
      </c>
      <c r="B1665" s="272"/>
      <c r="D1665" s="60"/>
      <c r="E1665" s="113"/>
    </row>
    <row r="1666" spans="1:5" ht="42.75" x14ac:dyDescent="0.25">
      <c r="A1666" s="5" t="s">
        <v>2553</v>
      </c>
      <c r="B1666" s="100" t="s">
        <v>2554</v>
      </c>
      <c r="C1666" s="4" t="s">
        <v>2984</v>
      </c>
      <c r="D1666" s="60" t="s">
        <v>2974</v>
      </c>
      <c r="E1666" s="113"/>
    </row>
    <row r="1667" spans="1:5" ht="121.5" customHeight="1" x14ac:dyDescent="0.25">
      <c r="A1667" s="5" t="s">
        <v>2555</v>
      </c>
      <c r="B1667" s="100" t="s">
        <v>2556</v>
      </c>
      <c r="C1667" s="4" t="s">
        <v>2986</v>
      </c>
      <c r="D1667" s="60" t="s">
        <v>2974</v>
      </c>
      <c r="E1667" s="113" t="s">
        <v>2985</v>
      </c>
    </row>
    <row r="1668" spans="1:5" x14ac:dyDescent="0.25">
      <c r="A1668" s="40" t="s">
        <v>2961</v>
      </c>
      <c r="B1668" s="273" t="s">
        <v>2558</v>
      </c>
      <c r="C1668" s="274"/>
      <c r="D1668" s="274"/>
      <c r="E1668" s="275"/>
    </row>
    <row r="1669" spans="1:5" x14ac:dyDescent="0.25">
      <c r="A1669" s="264" t="s">
        <v>2559</v>
      </c>
      <c r="B1669" s="265"/>
      <c r="C1669" s="265"/>
      <c r="D1669" s="265"/>
      <c r="E1669" s="266"/>
    </row>
    <row r="1670" spans="1:5" ht="85.5" x14ac:dyDescent="0.25">
      <c r="A1670" s="20" t="s">
        <v>2560</v>
      </c>
      <c r="B1670" s="103" t="s">
        <v>2561</v>
      </c>
      <c r="C1670" s="75" t="s">
        <v>2987</v>
      </c>
      <c r="D1670" s="62" t="s">
        <v>2974</v>
      </c>
      <c r="E1670" s="76" t="s">
        <v>2562</v>
      </c>
    </row>
    <row r="1671" spans="1:5" ht="75.75" customHeight="1" x14ac:dyDescent="0.25">
      <c r="A1671" s="20" t="s">
        <v>2563</v>
      </c>
      <c r="B1671" s="103" t="s">
        <v>2564</v>
      </c>
      <c r="C1671" s="75" t="s">
        <v>2988</v>
      </c>
      <c r="D1671" s="62" t="s">
        <v>2974</v>
      </c>
      <c r="E1671" s="76" t="s">
        <v>2565</v>
      </c>
    </row>
    <row r="1672" spans="1:5" ht="71.25" x14ac:dyDescent="0.25">
      <c r="A1672" s="20" t="s">
        <v>2566</v>
      </c>
      <c r="B1672" s="103" t="s">
        <v>2567</v>
      </c>
      <c r="C1672" s="75" t="s">
        <v>2989</v>
      </c>
      <c r="D1672" s="62" t="s">
        <v>2974</v>
      </c>
      <c r="E1672" s="76" t="s">
        <v>2568</v>
      </c>
    </row>
    <row r="1673" spans="1:5" ht="85.5" x14ac:dyDescent="0.25">
      <c r="A1673" s="20" t="s">
        <v>2569</v>
      </c>
      <c r="B1673" s="103" t="s">
        <v>2570</v>
      </c>
      <c r="C1673" s="75" t="s">
        <v>2990</v>
      </c>
      <c r="D1673" s="62" t="s">
        <v>2974</v>
      </c>
      <c r="E1673" s="76" t="s">
        <v>2571</v>
      </c>
    </row>
    <row r="1674" spans="1:5" ht="57" x14ac:dyDescent="0.25">
      <c r="A1674" s="20" t="s">
        <v>2572</v>
      </c>
      <c r="B1674" s="103" t="s">
        <v>2573</v>
      </c>
      <c r="C1674" s="75" t="s">
        <v>2991</v>
      </c>
      <c r="D1674" s="62" t="s">
        <v>2974</v>
      </c>
      <c r="E1674" s="76" t="s">
        <v>2574</v>
      </c>
    </row>
    <row r="1675" spans="1:5" ht="136.5" customHeight="1" x14ac:dyDescent="0.25">
      <c r="A1675" s="87" t="s">
        <v>3622</v>
      </c>
      <c r="B1675" s="100" t="s">
        <v>2575</v>
      </c>
      <c r="C1675" s="88" t="s">
        <v>2993</v>
      </c>
      <c r="D1675" s="89" t="s">
        <v>2974</v>
      </c>
      <c r="E1675" s="113" t="s">
        <v>2994</v>
      </c>
    </row>
    <row r="1676" spans="1:5" ht="85.5" x14ac:dyDescent="0.25">
      <c r="A1676" s="20" t="s">
        <v>2576</v>
      </c>
      <c r="B1676" s="103" t="s">
        <v>2577</v>
      </c>
      <c r="C1676" s="75" t="s">
        <v>2992</v>
      </c>
      <c r="D1676" s="62" t="s">
        <v>2974</v>
      </c>
      <c r="E1676" s="111" t="s">
        <v>3268</v>
      </c>
    </row>
    <row r="1677" spans="1:5" ht="114" x14ac:dyDescent="0.25">
      <c r="A1677" s="20" t="s">
        <v>2578</v>
      </c>
      <c r="B1677" s="103" t="s">
        <v>2579</v>
      </c>
      <c r="C1677" s="75" t="s">
        <v>2995</v>
      </c>
      <c r="D1677" s="62" t="s">
        <v>2974</v>
      </c>
      <c r="E1677" s="76" t="s">
        <v>2580</v>
      </c>
    </row>
    <row r="1678" spans="1:5" ht="99.75" x14ac:dyDescent="0.25">
      <c r="A1678" s="5" t="s">
        <v>2581</v>
      </c>
      <c r="B1678" s="100" t="s">
        <v>2582</v>
      </c>
      <c r="C1678" s="4" t="s">
        <v>2996</v>
      </c>
      <c r="D1678" s="60" t="s">
        <v>2974</v>
      </c>
      <c r="E1678" s="111" t="s">
        <v>2583</v>
      </c>
    </row>
    <row r="1679" spans="1:5" ht="114" x14ac:dyDescent="0.25">
      <c r="A1679" s="5" t="s">
        <v>2584</v>
      </c>
      <c r="B1679" s="100" t="s">
        <v>2585</v>
      </c>
      <c r="C1679" s="4" t="s">
        <v>2997</v>
      </c>
      <c r="D1679" s="60" t="s">
        <v>2974</v>
      </c>
      <c r="E1679" s="111" t="s">
        <v>2586</v>
      </c>
    </row>
    <row r="1680" spans="1:5" ht="99.75" x14ac:dyDescent="0.25">
      <c r="A1680" s="5" t="s">
        <v>2587</v>
      </c>
      <c r="B1680" s="100" t="s">
        <v>2588</v>
      </c>
      <c r="C1680" s="4" t="s">
        <v>2998</v>
      </c>
      <c r="D1680" s="60" t="s">
        <v>2974</v>
      </c>
      <c r="E1680" s="111" t="s">
        <v>2589</v>
      </c>
    </row>
    <row r="1681" spans="1:5" ht="114" x14ac:dyDescent="0.25">
      <c r="A1681" s="5" t="s">
        <v>2590</v>
      </c>
      <c r="B1681" s="100" t="s">
        <v>2591</v>
      </c>
      <c r="C1681" s="4" t="s">
        <v>2999</v>
      </c>
      <c r="D1681" s="60" t="s">
        <v>2974</v>
      </c>
      <c r="E1681" s="111" t="s">
        <v>2592</v>
      </c>
    </row>
    <row r="1682" spans="1:5" ht="213.75" x14ac:dyDescent="0.25">
      <c r="A1682" s="5" t="s">
        <v>2593</v>
      </c>
      <c r="B1682" s="100" t="s">
        <v>2594</v>
      </c>
      <c r="C1682" s="4" t="s">
        <v>2681</v>
      </c>
      <c r="D1682" s="60" t="s">
        <v>2974</v>
      </c>
      <c r="E1682" s="111" t="s">
        <v>2689</v>
      </c>
    </row>
    <row r="1683" spans="1:5" ht="42.75" x14ac:dyDescent="0.25">
      <c r="A1683" s="20" t="s">
        <v>2595</v>
      </c>
      <c r="B1683" s="103" t="s">
        <v>2596</v>
      </c>
      <c r="C1683" s="75" t="s">
        <v>3000</v>
      </c>
      <c r="D1683" s="62" t="s">
        <v>2974</v>
      </c>
      <c r="E1683" s="111" t="s">
        <v>3267</v>
      </c>
    </row>
    <row r="1684" spans="1:5" ht="114" x14ac:dyDescent="0.25">
      <c r="A1684" s="20" t="s">
        <v>2598</v>
      </c>
      <c r="B1684" s="103" t="s">
        <v>2599</v>
      </c>
      <c r="C1684" s="75" t="s">
        <v>3001</v>
      </c>
      <c r="D1684" s="62" t="s">
        <v>2974</v>
      </c>
      <c r="E1684" s="76" t="s">
        <v>2600</v>
      </c>
    </row>
    <row r="1685" spans="1:5" ht="42.75" x14ac:dyDescent="0.25">
      <c r="A1685" s="5" t="s">
        <v>2601</v>
      </c>
      <c r="B1685" s="100" t="s">
        <v>2602</v>
      </c>
      <c r="C1685" s="4" t="s">
        <v>3002</v>
      </c>
      <c r="D1685" s="60" t="s">
        <v>2974</v>
      </c>
      <c r="E1685" s="111" t="s">
        <v>3208</v>
      </c>
    </row>
    <row r="1686" spans="1:5" ht="85.5" x14ac:dyDescent="0.25">
      <c r="A1686" s="5" t="s">
        <v>2604</v>
      </c>
      <c r="B1686" s="100" t="s">
        <v>2605</v>
      </c>
      <c r="C1686" s="4" t="s">
        <v>3003</v>
      </c>
      <c r="D1686" s="60" t="s">
        <v>2974</v>
      </c>
      <c r="E1686" s="111" t="s">
        <v>2606</v>
      </c>
    </row>
    <row r="1687" spans="1:5" ht="114" x14ac:dyDescent="0.25">
      <c r="A1687" s="5" t="s">
        <v>2607</v>
      </c>
      <c r="B1687" s="100" t="s">
        <v>2608</v>
      </c>
      <c r="C1687" s="4" t="s">
        <v>3004</v>
      </c>
      <c r="D1687" s="60" t="s">
        <v>2974</v>
      </c>
      <c r="E1687" s="111" t="s">
        <v>2609</v>
      </c>
    </row>
    <row r="1688" spans="1:5" ht="128.25" x14ac:dyDescent="0.25">
      <c r="A1688" s="20" t="s">
        <v>2610</v>
      </c>
      <c r="B1688" s="103" t="s">
        <v>2611</v>
      </c>
      <c r="C1688" s="75" t="s">
        <v>3005</v>
      </c>
      <c r="D1688" s="62" t="s">
        <v>2974</v>
      </c>
      <c r="E1688" s="76" t="s">
        <v>2612</v>
      </c>
    </row>
    <row r="1689" spans="1:5" ht="71.25" x14ac:dyDescent="0.25">
      <c r="A1689" s="20" t="s">
        <v>2613</v>
      </c>
      <c r="B1689" s="103" t="s">
        <v>2614</v>
      </c>
      <c r="C1689" s="75" t="s">
        <v>3006</v>
      </c>
      <c r="D1689" s="62" t="s">
        <v>2974</v>
      </c>
      <c r="E1689" s="76" t="s">
        <v>2615</v>
      </c>
    </row>
    <row r="1690" spans="1:5" ht="57" x14ac:dyDescent="0.25">
      <c r="A1690" s="20" t="s">
        <v>2616</v>
      </c>
      <c r="B1690" s="103" t="s">
        <v>2617</v>
      </c>
      <c r="C1690" s="75" t="s">
        <v>3007</v>
      </c>
      <c r="D1690" s="62" t="s">
        <v>2974</v>
      </c>
      <c r="E1690" s="76" t="s">
        <v>2618</v>
      </c>
    </row>
    <row r="1691" spans="1:5" ht="42.75" x14ac:dyDescent="0.25">
      <c r="A1691" s="20" t="s">
        <v>2619</v>
      </c>
      <c r="B1691" s="103" t="s">
        <v>2620</v>
      </c>
      <c r="C1691" s="75" t="s">
        <v>2621</v>
      </c>
      <c r="D1691" s="90" t="s">
        <v>2974</v>
      </c>
      <c r="E1691" s="76" t="s">
        <v>2622</v>
      </c>
    </row>
  </sheetData>
  <mergeCells count="781">
    <mergeCell ref="E114:E115"/>
    <mergeCell ref="C114:C115"/>
    <mergeCell ref="A160:B160"/>
    <mergeCell ref="A163:B163"/>
    <mergeCell ref="A166:B166"/>
    <mergeCell ref="A169:B169"/>
    <mergeCell ref="A24:E24"/>
    <mergeCell ref="A28:E28"/>
    <mergeCell ref="A32:E32"/>
    <mergeCell ref="A33:E33"/>
    <mergeCell ref="A45:E45"/>
    <mergeCell ref="A41:E41"/>
    <mergeCell ref="A49:E49"/>
    <mergeCell ref="A129:B129"/>
    <mergeCell ref="A132:B132"/>
    <mergeCell ref="A135:B135"/>
    <mergeCell ref="A138:B138"/>
    <mergeCell ref="A148:B148"/>
    <mergeCell ref="A114:A115"/>
    <mergeCell ref="B114:B115"/>
    <mergeCell ref="A116:A117"/>
    <mergeCell ref="A61:E61"/>
    <mergeCell ref="A62:E62"/>
    <mergeCell ref="C56:C57"/>
    <mergeCell ref="E116:E117"/>
    <mergeCell ref="C116:C117"/>
    <mergeCell ref="A172:B172"/>
    <mergeCell ref="A2:E2"/>
    <mergeCell ref="A9:E9"/>
    <mergeCell ref="A15:E15"/>
    <mergeCell ref="D56:D57"/>
    <mergeCell ref="A51:A53"/>
    <mergeCell ref="B51:B53"/>
    <mergeCell ref="C51:C53"/>
    <mergeCell ref="D51:D53"/>
    <mergeCell ref="A54:A55"/>
    <mergeCell ref="B54:B55"/>
    <mergeCell ref="C54:C55"/>
    <mergeCell ref="D54:D55"/>
    <mergeCell ref="B116:B117"/>
    <mergeCell ref="A109:B109"/>
    <mergeCell ref="A110:A113"/>
    <mergeCell ref="B110:B113"/>
    <mergeCell ref="A56:A57"/>
    <mergeCell ref="B56:B57"/>
    <mergeCell ref="E110:E113"/>
    <mergeCell ref="C110:C113"/>
    <mergeCell ref="D110:D113"/>
    <mergeCell ref="A225:E225"/>
    <mergeCell ref="A220:E220"/>
    <mergeCell ref="A222:E222"/>
    <mergeCell ref="A201:B201"/>
    <mergeCell ref="A194:B194"/>
    <mergeCell ref="A197:B197"/>
    <mergeCell ref="A208:E208"/>
    <mergeCell ref="A206:E206"/>
    <mergeCell ref="A122:B122"/>
    <mergeCell ref="A157:B157"/>
    <mergeCell ref="A183:B183"/>
    <mergeCell ref="A190:B190"/>
    <mergeCell ref="A176:B176"/>
    <mergeCell ref="A177:A178"/>
    <mergeCell ref="B177:B178"/>
    <mergeCell ref="C177:C178"/>
    <mergeCell ref="D177:D178"/>
    <mergeCell ref="A180:B180"/>
    <mergeCell ref="A254:B254"/>
    <mergeCell ref="A256:B256"/>
    <mergeCell ref="C241:C242"/>
    <mergeCell ref="D241:D242"/>
    <mergeCell ref="E241:E242"/>
    <mergeCell ref="A243:B243"/>
    <mergeCell ref="A248:B248"/>
    <mergeCell ref="A251:B251"/>
    <mergeCell ref="A228:B228"/>
    <mergeCell ref="A232:B232"/>
    <mergeCell ref="A236:B236"/>
    <mergeCell ref="A239:B239"/>
    <mergeCell ref="A241:A242"/>
    <mergeCell ref="B241:B242"/>
    <mergeCell ref="A302:B302"/>
    <mergeCell ref="A307:B307"/>
    <mergeCell ref="A311:B311"/>
    <mergeCell ref="A314:B314"/>
    <mergeCell ref="A316:B316"/>
    <mergeCell ref="A299:B299"/>
    <mergeCell ref="A295:B295"/>
    <mergeCell ref="A293:E293"/>
    <mergeCell ref="A260:B260"/>
    <mergeCell ref="A273:E273"/>
    <mergeCell ref="A271:E271"/>
    <mergeCell ref="A263:E263"/>
    <mergeCell ref="A265:E265"/>
    <mergeCell ref="A281:E281"/>
    <mergeCell ref="A289:E289"/>
    <mergeCell ref="A339:E339"/>
    <mergeCell ref="A322:E322"/>
    <mergeCell ref="A444:B444"/>
    <mergeCell ref="A457:A459"/>
    <mergeCell ref="B457:B459"/>
    <mergeCell ref="C457:C459"/>
    <mergeCell ref="D457:D459"/>
    <mergeCell ref="A419:B419"/>
    <mergeCell ref="A429:B429"/>
    <mergeCell ref="A327:E327"/>
    <mergeCell ref="A325:E325"/>
    <mergeCell ref="A488:B488"/>
    <mergeCell ref="E457:E459"/>
    <mergeCell ref="A516:A526"/>
    <mergeCell ref="B516:B526"/>
    <mergeCell ref="C516:C526"/>
    <mergeCell ref="D516:D526"/>
    <mergeCell ref="A527:A536"/>
    <mergeCell ref="B527:B536"/>
    <mergeCell ref="C527:C536"/>
    <mergeCell ref="D527:D536"/>
    <mergeCell ref="A503:B503"/>
    <mergeCell ref="A504:A509"/>
    <mergeCell ref="B504:B509"/>
    <mergeCell ref="C504:C509"/>
    <mergeCell ref="D504:D509"/>
    <mergeCell ref="A510:A515"/>
    <mergeCell ref="B510:B515"/>
    <mergeCell ref="C510:C515"/>
    <mergeCell ref="D510:D515"/>
    <mergeCell ref="A549:A556"/>
    <mergeCell ref="B549:B556"/>
    <mergeCell ref="C549:C556"/>
    <mergeCell ref="D549:D556"/>
    <mergeCell ref="A557:A563"/>
    <mergeCell ref="B557:B563"/>
    <mergeCell ref="C557:C563"/>
    <mergeCell ref="D557:D563"/>
    <mergeCell ref="A537:A541"/>
    <mergeCell ref="B537:B541"/>
    <mergeCell ref="C537:C541"/>
    <mergeCell ref="D537:D541"/>
    <mergeCell ref="A542:A548"/>
    <mergeCell ref="B542:B548"/>
    <mergeCell ref="C542:C548"/>
    <mergeCell ref="D542:D548"/>
    <mergeCell ref="A564:A579"/>
    <mergeCell ref="B564:B579"/>
    <mergeCell ref="C564:C579"/>
    <mergeCell ref="D564:D579"/>
    <mergeCell ref="A581:B581"/>
    <mergeCell ref="A594:A597"/>
    <mergeCell ref="B594:B597"/>
    <mergeCell ref="C594:C597"/>
    <mergeCell ref="D594:D597"/>
    <mergeCell ref="A589:A590"/>
    <mergeCell ref="B589:B590"/>
    <mergeCell ref="C589:C590"/>
    <mergeCell ref="D589:D590"/>
    <mergeCell ref="A591:A593"/>
    <mergeCell ref="B591:B593"/>
    <mergeCell ref="C591:C593"/>
    <mergeCell ref="D591:D593"/>
    <mergeCell ref="A586:E586"/>
    <mergeCell ref="A600:A606"/>
    <mergeCell ref="B600:B606"/>
    <mergeCell ref="C600:C606"/>
    <mergeCell ref="D600:D606"/>
    <mergeCell ref="A618:A621"/>
    <mergeCell ref="B618:B621"/>
    <mergeCell ref="C618:C621"/>
    <mergeCell ref="D618:D621"/>
    <mergeCell ref="A622:A625"/>
    <mergeCell ref="B622:B625"/>
    <mergeCell ref="C622:C625"/>
    <mergeCell ref="D622:D625"/>
    <mergeCell ref="A609:A611"/>
    <mergeCell ref="B609:B611"/>
    <mergeCell ref="C609:C611"/>
    <mergeCell ref="D609:D611"/>
    <mergeCell ref="A612:A617"/>
    <mergeCell ref="B612:B617"/>
    <mergeCell ref="C612:C617"/>
    <mergeCell ref="D612:D617"/>
    <mergeCell ref="A608:E608"/>
    <mergeCell ref="A631:A633"/>
    <mergeCell ref="B631:B633"/>
    <mergeCell ref="C631:C633"/>
    <mergeCell ref="D631:D633"/>
    <mergeCell ref="A634:A640"/>
    <mergeCell ref="B634:B640"/>
    <mergeCell ref="C634:C640"/>
    <mergeCell ref="D634:D640"/>
    <mergeCell ref="A626:A627"/>
    <mergeCell ref="B626:B627"/>
    <mergeCell ref="C626:C627"/>
    <mergeCell ref="D626:D627"/>
    <mergeCell ref="A628:A630"/>
    <mergeCell ref="B628:B630"/>
    <mergeCell ref="C628:C630"/>
    <mergeCell ref="D628:D630"/>
    <mergeCell ref="A641:A652"/>
    <mergeCell ref="B641:B652"/>
    <mergeCell ref="C641:C652"/>
    <mergeCell ref="D641:D652"/>
    <mergeCell ref="A654:B654"/>
    <mergeCell ref="A655:A656"/>
    <mergeCell ref="B655:B656"/>
    <mergeCell ref="C655:C656"/>
    <mergeCell ref="D655:D656"/>
    <mergeCell ref="A671:A672"/>
    <mergeCell ref="B671:B672"/>
    <mergeCell ref="C671:C672"/>
    <mergeCell ref="D671:D672"/>
    <mergeCell ref="A673:A676"/>
    <mergeCell ref="B673:B676"/>
    <mergeCell ref="C673:C676"/>
    <mergeCell ref="D673:D676"/>
    <mergeCell ref="E655:E656"/>
    <mergeCell ref="A657:A662"/>
    <mergeCell ref="B657:B662"/>
    <mergeCell ref="C657:C662"/>
    <mergeCell ref="D657:D662"/>
    <mergeCell ref="A663:A669"/>
    <mergeCell ref="B663:B669"/>
    <mergeCell ref="C663:C669"/>
    <mergeCell ref="D663:D669"/>
    <mergeCell ref="A678:B678"/>
    <mergeCell ref="A679:A685"/>
    <mergeCell ref="B679:B685"/>
    <mergeCell ref="C679:C685"/>
    <mergeCell ref="D679:D685"/>
    <mergeCell ref="A686:A687"/>
    <mergeCell ref="B686:B687"/>
    <mergeCell ref="C686:C687"/>
    <mergeCell ref="D686:D687"/>
    <mergeCell ref="A703:A704"/>
    <mergeCell ref="B703:B704"/>
    <mergeCell ref="C703:C704"/>
    <mergeCell ref="D703:D704"/>
    <mergeCell ref="E703:E704"/>
    <mergeCell ref="A699:B699"/>
    <mergeCell ref="A693:B693"/>
    <mergeCell ref="A688:A690"/>
    <mergeCell ref="B688:B690"/>
    <mergeCell ref="C688:C690"/>
    <mergeCell ref="D688:D690"/>
    <mergeCell ref="A710:A714"/>
    <mergeCell ref="B710:B714"/>
    <mergeCell ref="C710:C714"/>
    <mergeCell ref="D710:D714"/>
    <mergeCell ref="A731:A735"/>
    <mergeCell ref="B731:B735"/>
    <mergeCell ref="C731:C735"/>
    <mergeCell ref="D731:D735"/>
    <mergeCell ref="A736:A740"/>
    <mergeCell ref="B736:B740"/>
    <mergeCell ref="C736:C740"/>
    <mergeCell ref="D736:D740"/>
    <mergeCell ref="A718:B718"/>
    <mergeCell ref="A719:A726"/>
    <mergeCell ref="B719:B726"/>
    <mergeCell ref="C719:C726"/>
    <mergeCell ref="D719:D726"/>
    <mergeCell ref="A727:A730"/>
    <mergeCell ref="B727:B730"/>
    <mergeCell ref="C727:C730"/>
    <mergeCell ref="D727:D730"/>
    <mergeCell ref="A741:A742"/>
    <mergeCell ref="B741:B742"/>
    <mergeCell ref="C741:C742"/>
    <mergeCell ref="D741:D742"/>
    <mergeCell ref="E741:E742"/>
    <mergeCell ref="A743:A753"/>
    <mergeCell ref="B743:B753"/>
    <mergeCell ref="C743:C753"/>
    <mergeCell ref="D743:D753"/>
    <mergeCell ref="E770:E771"/>
    <mergeCell ref="A754:A758"/>
    <mergeCell ref="B754:B758"/>
    <mergeCell ref="C754:C758"/>
    <mergeCell ref="D754:D758"/>
    <mergeCell ref="A759:A767"/>
    <mergeCell ref="B759:B767"/>
    <mergeCell ref="C759:C767"/>
    <mergeCell ref="D759:D767"/>
    <mergeCell ref="A772:A773"/>
    <mergeCell ref="B772:B773"/>
    <mergeCell ref="C772:C773"/>
    <mergeCell ref="D772:D773"/>
    <mergeCell ref="A774:A775"/>
    <mergeCell ref="B774:B775"/>
    <mergeCell ref="C774:C775"/>
    <mergeCell ref="D774:D775"/>
    <mergeCell ref="A769:B769"/>
    <mergeCell ref="A770:A771"/>
    <mergeCell ref="B770:B771"/>
    <mergeCell ref="C770:C771"/>
    <mergeCell ref="D770:D771"/>
    <mergeCell ref="E780:E781"/>
    <mergeCell ref="A782:A783"/>
    <mergeCell ref="B782:B783"/>
    <mergeCell ref="C782:C783"/>
    <mergeCell ref="D782:D783"/>
    <mergeCell ref="A777:B777"/>
    <mergeCell ref="A778:A779"/>
    <mergeCell ref="B778:B779"/>
    <mergeCell ref="C778:C779"/>
    <mergeCell ref="D778:D779"/>
    <mergeCell ref="E778:E779"/>
    <mergeCell ref="A784:A792"/>
    <mergeCell ref="B784:B792"/>
    <mergeCell ref="C784:C792"/>
    <mergeCell ref="D784:D792"/>
    <mergeCell ref="A793:A804"/>
    <mergeCell ref="B793:B804"/>
    <mergeCell ref="C793:C804"/>
    <mergeCell ref="D793:D804"/>
    <mergeCell ref="A780:A781"/>
    <mergeCell ref="B780:B781"/>
    <mergeCell ref="C780:C781"/>
    <mergeCell ref="D780:D781"/>
    <mergeCell ref="A818:B818"/>
    <mergeCell ref="A819:A820"/>
    <mergeCell ref="B819:B820"/>
    <mergeCell ref="C819:C820"/>
    <mergeCell ref="A821:A822"/>
    <mergeCell ref="B821:B822"/>
    <mergeCell ref="C821:C822"/>
    <mergeCell ref="D817:D1191"/>
    <mergeCell ref="A842:B842"/>
    <mergeCell ref="A843:A846"/>
    <mergeCell ref="B843:B846"/>
    <mergeCell ref="C843:C846"/>
    <mergeCell ref="A847:A849"/>
    <mergeCell ref="B847:B849"/>
    <mergeCell ref="C847:C849"/>
    <mergeCell ref="A825:A826"/>
    <mergeCell ref="B825:B826"/>
    <mergeCell ref="C825:C826"/>
    <mergeCell ref="A861:A867"/>
    <mergeCell ref="B861:B867"/>
    <mergeCell ref="C861:C867"/>
    <mergeCell ref="A869:B869"/>
    <mergeCell ref="A870:A872"/>
    <mergeCell ref="B870:B872"/>
    <mergeCell ref="A806:B806"/>
    <mergeCell ref="A808:A809"/>
    <mergeCell ref="B808:B809"/>
    <mergeCell ref="C808:C809"/>
    <mergeCell ref="D808:D809"/>
    <mergeCell ref="A810:A812"/>
    <mergeCell ref="B810:B812"/>
    <mergeCell ref="C810:C812"/>
    <mergeCell ref="D810:D812"/>
    <mergeCell ref="E825:E826"/>
    <mergeCell ref="A827:A828"/>
    <mergeCell ref="B827:B828"/>
    <mergeCell ref="C827:C828"/>
    <mergeCell ref="E837:E838"/>
    <mergeCell ref="A839:A840"/>
    <mergeCell ref="B839:B840"/>
    <mergeCell ref="C839:C840"/>
    <mergeCell ref="E839:E840"/>
    <mergeCell ref="E821:E822"/>
    <mergeCell ref="A823:A824"/>
    <mergeCell ref="B823:B824"/>
    <mergeCell ref="C823:C824"/>
    <mergeCell ref="E823:E824"/>
    <mergeCell ref="E856:E857"/>
    <mergeCell ref="A858:A860"/>
    <mergeCell ref="B858:B860"/>
    <mergeCell ref="C858:C860"/>
    <mergeCell ref="A850:A851"/>
    <mergeCell ref="B850:B851"/>
    <mergeCell ref="C850:C851"/>
    <mergeCell ref="A852:A855"/>
    <mergeCell ref="B852:B855"/>
    <mergeCell ref="C852:C855"/>
    <mergeCell ref="A830:A836"/>
    <mergeCell ref="B830:B836"/>
    <mergeCell ref="C830:C836"/>
    <mergeCell ref="A837:A838"/>
    <mergeCell ref="B837:B838"/>
    <mergeCell ref="C837:C838"/>
    <mergeCell ref="A856:A857"/>
    <mergeCell ref="B856:B857"/>
    <mergeCell ref="C856:C857"/>
    <mergeCell ref="B955:B965"/>
    <mergeCell ref="C870:C872"/>
    <mergeCell ref="A919:A923"/>
    <mergeCell ref="B919:B923"/>
    <mergeCell ref="C919:C923"/>
    <mergeCell ref="A909:A912"/>
    <mergeCell ref="B909:B912"/>
    <mergeCell ref="C909:C912"/>
    <mergeCell ref="A913:A918"/>
    <mergeCell ref="B913:B918"/>
    <mergeCell ref="C913:C918"/>
    <mergeCell ref="A891:A901"/>
    <mergeCell ref="B891:B901"/>
    <mergeCell ref="C891:C901"/>
    <mergeCell ref="A902:A908"/>
    <mergeCell ref="B902:B908"/>
    <mergeCell ref="C902:C908"/>
    <mergeCell ref="A873:A885"/>
    <mergeCell ref="B873:B885"/>
    <mergeCell ref="C873:C885"/>
    <mergeCell ref="A886:A890"/>
    <mergeCell ref="B886:B890"/>
    <mergeCell ref="C886:C890"/>
    <mergeCell ref="A1032:B1032"/>
    <mergeCell ref="A924:A942"/>
    <mergeCell ref="B924:B942"/>
    <mergeCell ref="C924:C942"/>
    <mergeCell ref="A1033:A1038"/>
    <mergeCell ref="B1033:B1038"/>
    <mergeCell ref="C1033:C1038"/>
    <mergeCell ref="A1002:A1011"/>
    <mergeCell ref="B1002:B1011"/>
    <mergeCell ref="C1002:C1011"/>
    <mergeCell ref="A944:B944"/>
    <mergeCell ref="A945:A948"/>
    <mergeCell ref="B945:B948"/>
    <mergeCell ref="C945:C948"/>
    <mergeCell ref="A949:A954"/>
    <mergeCell ref="B949:B954"/>
    <mergeCell ref="C949:C954"/>
    <mergeCell ref="A975:A989"/>
    <mergeCell ref="B975:B989"/>
    <mergeCell ref="C975:C989"/>
    <mergeCell ref="A990:A1001"/>
    <mergeCell ref="B990:B1001"/>
    <mergeCell ref="C990:C1001"/>
    <mergeCell ref="A955:A965"/>
    <mergeCell ref="E1074:E1075"/>
    <mergeCell ref="A1047:A1055"/>
    <mergeCell ref="B1047:B1055"/>
    <mergeCell ref="C1047:C1055"/>
    <mergeCell ref="A1056:A1059"/>
    <mergeCell ref="B1056:B1059"/>
    <mergeCell ref="C1056:C1059"/>
    <mergeCell ref="C955:C965"/>
    <mergeCell ref="A966:A974"/>
    <mergeCell ref="B966:B974"/>
    <mergeCell ref="C966:C974"/>
    <mergeCell ref="A1012:A1014"/>
    <mergeCell ref="B1012:B1014"/>
    <mergeCell ref="C1012:C1014"/>
    <mergeCell ref="E1039:E1040"/>
    <mergeCell ref="A1041:A1046"/>
    <mergeCell ref="B1041:B1046"/>
    <mergeCell ref="C1041:C1046"/>
    <mergeCell ref="A1039:A1040"/>
    <mergeCell ref="B1039:B1040"/>
    <mergeCell ref="C1039:C1040"/>
    <mergeCell ref="A1015:A1029"/>
    <mergeCell ref="B1015:B1029"/>
    <mergeCell ref="C1015:C1029"/>
    <mergeCell ref="A1076:A1086"/>
    <mergeCell ref="B1076:B1086"/>
    <mergeCell ref="C1076:C1086"/>
    <mergeCell ref="A1060:A1064"/>
    <mergeCell ref="B1060:B1064"/>
    <mergeCell ref="C1060:C1064"/>
    <mergeCell ref="A1065:A1073"/>
    <mergeCell ref="B1065:B1073"/>
    <mergeCell ref="C1065:C1073"/>
    <mergeCell ref="A1074:A1075"/>
    <mergeCell ref="B1074:B1075"/>
    <mergeCell ref="C1074:C1075"/>
    <mergeCell ref="A1111:A1116"/>
    <mergeCell ref="B1111:B1116"/>
    <mergeCell ref="C1111:C1116"/>
    <mergeCell ref="A1117:A1118"/>
    <mergeCell ref="B1117:B1118"/>
    <mergeCell ref="C1117:C1118"/>
    <mergeCell ref="A1088:B1088"/>
    <mergeCell ref="A1089:A1101"/>
    <mergeCell ref="B1089:B1101"/>
    <mergeCell ref="C1089:C1101"/>
    <mergeCell ref="A1103:A1110"/>
    <mergeCell ref="B1103:B1110"/>
    <mergeCell ref="C1103:C1110"/>
    <mergeCell ref="A1148:B1148"/>
    <mergeCell ref="A1149:A1155"/>
    <mergeCell ref="B1149:B1155"/>
    <mergeCell ref="C1149:C1155"/>
    <mergeCell ref="A1142:A1144"/>
    <mergeCell ref="B1142:B1144"/>
    <mergeCell ref="C1142:C1144"/>
    <mergeCell ref="A1145:A1146"/>
    <mergeCell ref="B1145:B1146"/>
    <mergeCell ref="C1145:C1146"/>
    <mergeCell ref="A1121:A1125"/>
    <mergeCell ref="B1121:B1125"/>
    <mergeCell ref="C1121:C1125"/>
    <mergeCell ref="E1117:E1118"/>
    <mergeCell ref="A1119:A1120"/>
    <mergeCell ref="B1119:B1120"/>
    <mergeCell ref="C1119:C1120"/>
    <mergeCell ref="E1119:E1120"/>
    <mergeCell ref="E1145:E1146"/>
    <mergeCell ref="A1131:A1140"/>
    <mergeCell ref="B1131:B1140"/>
    <mergeCell ref="C1131:C1140"/>
    <mergeCell ref="A1129:B1129"/>
    <mergeCell ref="E1156:E1157"/>
    <mergeCell ref="A1158:A1161"/>
    <mergeCell ref="B1158:B1161"/>
    <mergeCell ref="C1158:C1161"/>
    <mergeCell ref="A1209:B1209"/>
    <mergeCell ref="A1210:A1221"/>
    <mergeCell ref="B1210:B1221"/>
    <mergeCell ref="C1210:C1221"/>
    <mergeCell ref="A1171:A1190"/>
    <mergeCell ref="B1171:B1190"/>
    <mergeCell ref="C1171:C1190"/>
    <mergeCell ref="A1204:B1204"/>
    <mergeCell ref="A1205:A1207"/>
    <mergeCell ref="B1205:B1207"/>
    <mergeCell ref="C1205:C1207"/>
    <mergeCell ref="A1162:A1165"/>
    <mergeCell ref="B1162:B1165"/>
    <mergeCell ref="C1162:C1165"/>
    <mergeCell ref="A1166:A1168"/>
    <mergeCell ref="B1166:B1168"/>
    <mergeCell ref="C1166:C1168"/>
    <mergeCell ref="A1156:A1157"/>
    <mergeCell ref="B1156:B1157"/>
    <mergeCell ref="C1156:C1157"/>
    <mergeCell ref="A1224:A1226"/>
    <mergeCell ref="B1224:B1226"/>
    <mergeCell ref="C1224:C1226"/>
    <mergeCell ref="A1227:A1228"/>
    <mergeCell ref="B1227:B1228"/>
    <mergeCell ref="C1227:C1228"/>
    <mergeCell ref="E1227:E1228"/>
    <mergeCell ref="A1235:A1236"/>
    <mergeCell ref="B1235:B1236"/>
    <mergeCell ref="C1235:C1236"/>
    <mergeCell ref="E1235:E1236"/>
    <mergeCell ref="A1200:A1201"/>
    <mergeCell ref="B1200:B1201"/>
    <mergeCell ref="C1200:C1201"/>
    <mergeCell ref="E1201:E1202"/>
    <mergeCell ref="A1234:B1234"/>
    <mergeCell ref="A1192:B1192"/>
    <mergeCell ref="A1193:A1195"/>
    <mergeCell ref="B1193:B1195"/>
    <mergeCell ref="C1193:C1195"/>
    <mergeCell ref="A1196:A1199"/>
    <mergeCell ref="B1196:B1199"/>
    <mergeCell ref="C1196:C1199"/>
    <mergeCell ref="A1222:A1223"/>
    <mergeCell ref="B1222:B1223"/>
    <mergeCell ref="C1222:C1223"/>
    <mergeCell ref="A1229:A1230"/>
    <mergeCell ref="B1229:B1230"/>
    <mergeCell ref="C1229:C1230"/>
    <mergeCell ref="E1229:E1230"/>
    <mergeCell ref="A1231:A1232"/>
    <mergeCell ref="B1231:B1232"/>
    <mergeCell ref="C1231:C1232"/>
    <mergeCell ref="E1231:E1232"/>
    <mergeCell ref="E1222:E1223"/>
    <mergeCell ref="E1247:E1248"/>
    <mergeCell ref="A1249:A1255"/>
    <mergeCell ref="B1249:B1255"/>
    <mergeCell ref="C1249:C1255"/>
    <mergeCell ref="A1277:B1277"/>
    <mergeCell ref="A1278:A1282"/>
    <mergeCell ref="B1278:B1282"/>
    <mergeCell ref="C1278:C1282"/>
    <mergeCell ref="A1238:B1238"/>
    <mergeCell ref="A1243:A1246"/>
    <mergeCell ref="B1243:B1246"/>
    <mergeCell ref="C1243:C1246"/>
    <mergeCell ref="A1239:A1240"/>
    <mergeCell ref="B1239:B1240"/>
    <mergeCell ref="C1239:C1240"/>
    <mergeCell ref="E1239:E1240"/>
    <mergeCell ref="A1241:A1242"/>
    <mergeCell ref="B1241:B1242"/>
    <mergeCell ref="C1241:C1242"/>
    <mergeCell ref="E1241:E1242"/>
    <mergeCell ref="A1257:B1257"/>
    <mergeCell ref="A1258:A1261"/>
    <mergeCell ref="B1258:B1261"/>
    <mergeCell ref="C1258:C1261"/>
    <mergeCell ref="A1262:A1265"/>
    <mergeCell ref="B1262:B1265"/>
    <mergeCell ref="C1262:C1265"/>
    <mergeCell ref="A1247:A1248"/>
    <mergeCell ref="B1247:B1248"/>
    <mergeCell ref="C1247:C1248"/>
    <mergeCell ref="A1266:A1271"/>
    <mergeCell ref="B1266:B1271"/>
    <mergeCell ref="C1266:C1271"/>
    <mergeCell ref="A1272:A1275"/>
    <mergeCell ref="B1272:B1275"/>
    <mergeCell ref="C1272:C1275"/>
    <mergeCell ref="A1304:A1308"/>
    <mergeCell ref="B1304:B1308"/>
    <mergeCell ref="C1304:C1308"/>
    <mergeCell ref="A1288:A1289"/>
    <mergeCell ref="B1288:B1289"/>
    <mergeCell ref="C1288:C1289"/>
    <mergeCell ref="A1328:A1330"/>
    <mergeCell ref="B1328:B1330"/>
    <mergeCell ref="C1328:C1330"/>
    <mergeCell ref="D1328:D1330"/>
    <mergeCell ref="A1315:A1318"/>
    <mergeCell ref="B1315:B1318"/>
    <mergeCell ref="C1315:C1318"/>
    <mergeCell ref="D1315:D1318"/>
    <mergeCell ref="A1283:A1287"/>
    <mergeCell ref="B1283:B1287"/>
    <mergeCell ref="C1283:C1287"/>
    <mergeCell ref="D1304:D1308"/>
    <mergeCell ref="A1310:A1313"/>
    <mergeCell ref="B1310:B1313"/>
    <mergeCell ref="C1310:C1313"/>
    <mergeCell ref="D1310:D1313"/>
    <mergeCell ref="E1288:E1289"/>
    <mergeCell ref="A1291:A1299"/>
    <mergeCell ref="B1291:B1299"/>
    <mergeCell ref="C1291:C1299"/>
    <mergeCell ref="E1290:E1291"/>
    <mergeCell ref="A1320:B1320"/>
    <mergeCell ref="A1321:A1327"/>
    <mergeCell ref="B1321:B1327"/>
    <mergeCell ref="C1321:C1327"/>
    <mergeCell ref="D1321:D1327"/>
    <mergeCell ref="A1338:A1339"/>
    <mergeCell ref="B1338:B1339"/>
    <mergeCell ref="C1338:C1339"/>
    <mergeCell ref="D1338:D1339"/>
    <mergeCell ref="E1338:E1339"/>
    <mergeCell ref="A1340:A1341"/>
    <mergeCell ref="B1340:B1341"/>
    <mergeCell ref="C1340:C1341"/>
    <mergeCell ref="D1340:D1341"/>
    <mergeCell ref="E1340:E1341"/>
    <mergeCell ref="E1417:E1418"/>
    <mergeCell ref="A1420:B1420"/>
    <mergeCell ref="A1421:A1423"/>
    <mergeCell ref="B1421:B1423"/>
    <mergeCell ref="C1421:C1423"/>
    <mergeCell ref="A1346:B1346"/>
    <mergeCell ref="A1383:B1383"/>
    <mergeCell ref="A1391:B1391"/>
    <mergeCell ref="A1396:B1396"/>
    <mergeCell ref="A1417:A1418"/>
    <mergeCell ref="B1417:B1418"/>
    <mergeCell ref="C1417:C1418"/>
    <mergeCell ref="A1407:A1410"/>
    <mergeCell ref="B1407:B1410"/>
    <mergeCell ref="C1407:C1410"/>
    <mergeCell ref="A1411:A1413"/>
    <mergeCell ref="B1411:B1413"/>
    <mergeCell ref="C1411:C1413"/>
    <mergeCell ref="A1369:E1369"/>
    <mergeCell ref="A1404:E1404"/>
    <mergeCell ref="A1463:B1463"/>
    <mergeCell ref="A1468:A1470"/>
    <mergeCell ref="B1468:B1470"/>
    <mergeCell ref="C1468:C1470"/>
    <mergeCell ref="D1468:D1470"/>
    <mergeCell ref="A1478:A1481"/>
    <mergeCell ref="B1478:B1481"/>
    <mergeCell ref="C1478:C1481"/>
    <mergeCell ref="D1478:D1481"/>
    <mergeCell ref="A1471:E1471"/>
    <mergeCell ref="A1429:A1433"/>
    <mergeCell ref="B1429:B1433"/>
    <mergeCell ref="C1429:C1433"/>
    <mergeCell ref="A1440:B1440"/>
    <mergeCell ref="A1441:A1448"/>
    <mergeCell ref="B1441:B1448"/>
    <mergeCell ref="C1441:C1448"/>
    <mergeCell ref="A1451:B1451"/>
    <mergeCell ref="A1437:A1438"/>
    <mergeCell ref="B1437:B1438"/>
    <mergeCell ref="C1437:C1438"/>
    <mergeCell ref="A1434:C1434"/>
    <mergeCell ref="E1620:E1621"/>
    <mergeCell ref="E1519:E1520"/>
    <mergeCell ref="A1519:A1520"/>
    <mergeCell ref="B1519:B1520"/>
    <mergeCell ref="C1519:C1520"/>
    <mergeCell ref="D1519:D1520"/>
    <mergeCell ref="A1524:E1524"/>
    <mergeCell ref="A1532:B1532"/>
    <mergeCell ref="A1526:A1527"/>
    <mergeCell ref="B1526:B1527"/>
    <mergeCell ref="C1526:C1527"/>
    <mergeCell ref="D1526:D1527"/>
    <mergeCell ref="E1526:E1527"/>
    <mergeCell ref="A1528:A1530"/>
    <mergeCell ref="B1528:B1530"/>
    <mergeCell ref="C1528:C1530"/>
    <mergeCell ref="E1587:E1599"/>
    <mergeCell ref="A1602:B1602"/>
    <mergeCell ref="A1609:B1609"/>
    <mergeCell ref="A1615:B1615"/>
    <mergeCell ref="D1528:D1530"/>
    <mergeCell ref="A1587:A1599"/>
    <mergeCell ref="B1587:B1599"/>
    <mergeCell ref="D1587:D1599"/>
    <mergeCell ref="A1482:A1484"/>
    <mergeCell ref="A1512:A1513"/>
    <mergeCell ref="B1512:B1513"/>
    <mergeCell ref="C1512:C1513"/>
    <mergeCell ref="D1512:D1513"/>
    <mergeCell ref="A1477:E1477"/>
    <mergeCell ref="A1492:E1492"/>
    <mergeCell ref="E1512:E1513"/>
    <mergeCell ref="B1482:B1484"/>
    <mergeCell ref="C1482:C1484"/>
    <mergeCell ref="D1482:D1484"/>
    <mergeCell ref="E1493:E1494"/>
    <mergeCell ref="A1485:A1486"/>
    <mergeCell ref="A1493:A1494"/>
    <mergeCell ref="B1493:B1494"/>
    <mergeCell ref="D1514:D1515"/>
    <mergeCell ref="E1514:E1515"/>
    <mergeCell ref="B1485:B1486"/>
    <mergeCell ref="C1485:C1486"/>
    <mergeCell ref="D1485:D1486"/>
    <mergeCell ref="E1485:E1486"/>
    <mergeCell ref="A1487:A1491"/>
    <mergeCell ref="B1487:B1491"/>
    <mergeCell ref="C1487:C1491"/>
    <mergeCell ref="D1487:D1491"/>
    <mergeCell ref="A1505:E1505"/>
    <mergeCell ref="C1493:C1494"/>
    <mergeCell ref="D1493:D1494"/>
    <mergeCell ref="B1558:B1559"/>
    <mergeCell ref="C1558:C1559"/>
    <mergeCell ref="A1501:E1501"/>
    <mergeCell ref="A1516:E1516"/>
    <mergeCell ref="A1558:A1559"/>
    <mergeCell ref="D1558:D1559"/>
    <mergeCell ref="E1558:E1559"/>
    <mergeCell ref="A1560:A1561"/>
    <mergeCell ref="B1560:B1561"/>
    <mergeCell ref="C1560:C1561"/>
    <mergeCell ref="D1560:D1561"/>
    <mergeCell ref="E1560:E1561"/>
    <mergeCell ref="A1548:A1551"/>
    <mergeCell ref="B1548:B1551"/>
    <mergeCell ref="C1548:C1551"/>
    <mergeCell ref="D1548:D1551"/>
    <mergeCell ref="A1553:A1555"/>
    <mergeCell ref="B1553:B1555"/>
    <mergeCell ref="C1553:C1555"/>
    <mergeCell ref="D1553:D1555"/>
    <mergeCell ref="A1544:E1544"/>
    <mergeCell ref="A1514:A1515"/>
    <mergeCell ref="B1514:B1515"/>
    <mergeCell ref="C1514:C1515"/>
    <mergeCell ref="A92:A95"/>
    <mergeCell ref="B92:B95"/>
    <mergeCell ref="E92:E95"/>
    <mergeCell ref="A96:A103"/>
    <mergeCell ref="B96:B103"/>
    <mergeCell ref="E96:E103"/>
    <mergeCell ref="A1669:E1669"/>
    <mergeCell ref="A1658:E1658"/>
    <mergeCell ref="D116:D117"/>
    <mergeCell ref="D114:D115"/>
    <mergeCell ref="A502:E502"/>
    <mergeCell ref="A1665:B1665"/>
    <mergeCell ref="B1668:E1668"/>
    <mergeCell ref="A1650:E1650"/>
    <mergeCell ref="A1647:E1647"/>
    <mergeCell ref="A1642:E1642"/>
    <mergeCell ref="A1636:E1636"/>
    <mergeCell ref="A1634:E1634"/>
    <mergeCell ref="A1623:D1623"/>
    <mergeCell ref="A1620:A1621"/>
    <mergeCell ref="B1620:B1621"/>
    <mergeCell ref="C1620:C1621"/>
    <mergeCell ref="D1620:D1621"/>
    <mergeCell ref="A1580:B1580"/>
  </mergeCells>
  <hyperlinks>
    <hyperlink ref="C167" r:id="rId1" tooltip="Road" display="http://en.wikipedia.org/wiki/Road" xr:uid="{00000000-0004-0000-0500-000000000000}"/>
    <hyperlink ref="C188" r:id="rId2" tooltip="Concrete" display="http://en.wikipedia.org/wiki/Concrete" xr:uid="{00000000-0004-0000-0500-000001000000}"/>
    <hyperlink ref="C343" r:id="rId3" tooltip="Civil engineering" display="http://en.wikipedia.org/wiki/Civil_engineering" xr:uid="{00000000-0004-0000-0500-000002000000}"/>
    <hyperlink ref="C348" r:id="rId4" tooltip="Design" display="http://en.wikipedia.org/wiki/Design" xr:uid="{00000000-0004-0000-0500-000003000000}"/>
    <hyperlink ref="C373" r:id="rId5" tooltip="Computer" display="http://en.wikipedia.org/wiki/Computer" xr:uid="{00000000-0004-0000-0500-000004000000}"/>
  </hyperlinks>
  <pageMargins left="0.7" right="0.7" top="0.75" bottom="0.75" header="0.3" footer="0.3"/>
  <pageSetup scale="56" fitToHeight="0" orientation="landscape" r:id="rId6"/>
  <headerFooter>
    <oddHeader>&amp;R&amp;"Verdana,Bold"All Industries</oddHeader>
    <oddFooter>&amp;C&amp;"Verdana,Bold"Page &amp;P of &amp;N</oddFoot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76E619CE5B0C9458323E0289773CDB2" ma:contentTypeVersion="6" ma:contentTypeDescription="Create a new document." ma:contentTypeScope="" ma:versionID="55df144e35c33f64217c4db6841cf142">
  <xsd:schema xmlns:xsd="http://www.w3.org/2001/XMLSchema" xmlns:xs="http://www.w3.org/2001/XMLSchema" xmlns:p="http://schemas.microsoft.com/office/2006/metadata/properties" xmlns:ns2="8fa0fc1d-bd80-47fb-a35f-9b4442274e73" targetNamespace="http://schemas.microsoft.com/office/2006/metadata/properties" ma:root="true" ma:fieldsID="0902ee982dd2b845e4e55918e96bf66a" ns2:_="">
    <xsd:import namespace="8fa0fc1d-bd80-47fb-a35f-9b4442274e73"/>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fa0fc1d-bd80-47fb-a35f-9b4442274e7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F3633C0-0F56-49BB-B233-91923668D17F}">
  <ds:schemaRefs>
    <ds:schemaRef ds:uri="http://schemas.microsoft.com/office/2006/metadata/propertie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8fa0fc1d-bd80-47fb-a35f-9b4442274e73"/>
    <ds:schemaRef ds:uri="http://www.w3.org/XML/1998/namespace"/>
    <ds:schemaRef ds:uri="http://purl.org/dc/dcmitype/"/>
  </ds:schemaRefs>
</ds:datastoreItem>
</file>

<file path=customXml/itemProps2.xml><?xml version="1.0" encoding="utf-8"?>
<ds:datastoreItem xmlns:ds="http://schemas.openxmlformats.org/officeDocument/2006/customXml" ds:itemID="{9EFBA17E-BB45-4926-992A-BB159F1E5E45}">
  <ds:schemaRefs>
    <ds:schemaRef ds:uri="http://schemas.microsoft.com/sharepoint/v3/contenttype/forms"/>
  </ds:schemaRefs>
</ds:datastoreItem>
</file>

<file path=customXml/itemProps3.xml><?xml version="1.0" encoding="utf-8"?>
<ds:datastoreItem xmlns:ds="http://schemas.openxmlformats.org/officeDocument/2006/customXml" ds:itemID="{BE0736E5-0961-4263-82A5-0C69827ADA8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fa0fc1d-bd80-47fb-a35f-9b4442274e7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6</vt:i4>
      </vt:variant>
      <vt:variant>
        <vt:lpstr>Named Ranges</vt:lpstr>
      </vt:variant>
      <vt:variant>
        <vt:i4>5</vt:i4>
      </vt:variant>
    </vt:vector>
  </HeadingPairs>
  <TitlesOfParts>
    <vt:vector size="11" baseType="lpstr">
      <vt:lpstr>Work Code Utilization</vt:lpstr>
      <vt:lpstr>Construction</vt:lpstr>
      <vt:lpstr>Construction Supplier</vt:lpstr>
      <vt:lpstr>Professional Services</vt:lpstr>
      <vt:lpstr>Truckers&amp;Transportation</vt:lpstr>
      <vt:lpstr>All Industries</vt:lpstr>
      <vt:lpstr>'All Industries'!Print_Titles</vt:lpstr>
      <vt:lpstr>Construction!Print_Titles</vt:lpstr>
      <vt:lpstr>'Construction Supplier'!Print_Titles</vt:lpstr>
      <vt:lpstr>'Professional Services'!Print_Titles</vt:lpstr>
      <vt:lpstr>'Truckers&amp;Transportation'!Print_Titles</vt:lpstr>
    </vt:vector>
  </TitlesOfParts>
  <Company>California Department of Transport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uthority to Assign NAICS and Work Codes</dc:title>
  <dc:creator>s139030</dc:creator>
  <cp:lastModifiedBy>Nguyen, Lan@DOT</cp:lastModifiedBy>
  <cp:lastPrinted>2019-11-13T23:31:46Z</cp:lastPrinted>
  <dcterms:created xsi:type="dcterms:W3CDTF">2012-01-31T22:57:28Z</dcterms:created>
  <dcterms:modified xsi:type="dcterms:W3CDTF">2022-07-14T22:03: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76E619CE5B0C9458323E0289773CDB2</vt:lpwstr>
  </property>
  <property fmtid="{D5CDD505-2E9C-101B-9397-08002B2CF9AE}" pid="3" name="Order">
    <vt:r8>1507400</vt:r8>
  </property>
  <property fmtid="{D5CDD505-2E9C-101B-9397-08002B2CF9AE}" pid="4" name="ComplianceAssetId">
    <vt:lpwstr/>
  </property>
  <property fmtid="{D5CDD505-2E9C-101B-9397-08002B2CF9AE}" pid="5" name="TemplateUrl">
    <vt:lpwstr/>
  </property>
  <property fmtid="{D5CDD505-2E9C-101B-9397-08002B2CF9AE}" pid="6" name="xd_Signature">
    <vt:bool>false</vt:bool>
  </property>
  <property fmtid="{D5CDD505-2E9C-101B-9397-08002B2CF9AE}" pid="7" name="xd_ProgID">
    <vt:lpwstr/>
  </property>
</Properties>
</file>